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7_税政G\４年度\40_税財政データ集\02_R03年度完成版\小野\"/>
    </mc:Choice>
  </mc:AlternateContent>
  <bookViews>
    <workbookView xWindow="210" yWindow="20" windowWidth="15810" windowHeight="3120" tabRatio="798"/>
  </bookViews>
  <sheets>
    <sheet name="R03年度決算額" sheetId="85" r:id="rId1"/>
  </sheets>
  <definedNames>
    <definedName name="_xlnm.Print_Area" localSheetId="0">'R03年度決算額'!$A$1:$AL$42</definedName>
  </definedNames>
  <calcPr calcId="162913"/>
</workbook>
</file>

<file path=xl/sharedStrings.xml><?xml version="1.0" encoding="utf-8"?>
<sst xmlns="http://schemas.openxmlformats.org/spreadsheetml/2006/main" count="228" uniqueCount="57">
  <si>
    <t>川崎市</t>
  </si>
  <si>
    <t>横須賀市</t>
  </si>
  <si>
    <t>平塚市</t>
  </si>
  <si>
    <t>小田原市</t>
  </si>
  <si>
    <t>逗子市</t>
  </si>
  <si>
    <t>相模原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民税</t>
    <rPh sb="0" eb="5">
      <t>シチョウソンミンゼイ</t>
    </rPh>
    <phoneticPr fontId="3"/>
  </si>
  <si>
    <t>(単位：千円、％）</t>
    <rPh sb="1" eb="3">
      <t>タンイ</t>
    </rPh>
    <rPh sb="4" eb="6">
      <t>センエン</t>
    </rPh>
    <phoneticPr fontId="3"/>
  </si>
  <si>
    <t>固定資産税</t>
    <rPh sb="0" eb="2">
      <t>コテイ</t>
    </rPh>
    <rPh sb="2" eb="5">
      <t>シサンゼイ</t>
    </rPh>
    <phoneticPr fontId="3"/>
  </si>
  <si>
    <t>横浜市</t>
    <rPh sb="0" eb="3">
      <t>ヨコハマシ</t>
    </rPh>
    <phoneticPr fontId="3"/>
  </si>
  <si>
    <t>県計</t>
    <rPh sb="0" eb="1">
      <t>ケン</t>
    </rPh>
    <rPh sb="1" eb="2">
      <t>ケイ</t>
    </rPh>
    <phoneticPr fontId="3"/>
  </si>
  <si>
    <t>個人市町村民税</t>
    <rPh sb="0" eb="2">
      <t>コジン</t>
    </rPh>
    <rPh sb="2" eb="5">
      <t>シチョウソン</t>
    </rPh>
    <rPh sb="5" eb="6">
      <t>ミン</t>
    </rPh>
    <rPh sb="6" eb="7">
      <t>ジュウミンゼイ</t>
    </rPh>
    <phoneticPr fontId="3"/>
  </si>
  <si>
    <t>法人市町村民税</t>
    <rPh sb="0" eb="2">
      <t>ホウジン</t>
    </rPh>
    <rPh sb="2" eb="5">
      <t>シチョウソン</t>
    </rPh>
    <rPh sb="5" eb="7">
      <t>ジュウミンゼイ</t>
    </rPh>
    <phoneticPr fontId="3"/>
  </si>
  <si>
    <t>市町村税計</t>
    <rPh sb="0" eb="3">
      <t>シチョウソン</t>
    </rPh>
    <rPh sb="3" eb="4">
      <t>チホウゼイ</t>
    </rPh>
    <rPh sb="4" eb="5">
      <t>ケイ</t>
    </rPh>
    <phoneticPr fontId="3"/>
  </si>
  <si>
    <t>鎌倉市</t>
    <rPh sb="0" eb="3">
      <t>カマクラシ</t>
    </rPh>
    <phoneticPr fontId="3"/>
  </si>
  <si>
    <t>藤沢市</t>
    <rPh sb="0" eb="3">
      <t>フジサワシ</t>
    </rPh>
    <phoneticPr fontId="3"/>
  </si>
  <si>
    <t>区分</t>
    <rPh sb="0" eb="2">
      <t>クブン</t>
    </rPh>
    <phoneticPr fontId="3"/>
  </si>
  <si>
    <t>土　　　地</t>
    <rPh sb="0" eb="5">
      <t>トチ</t>
    </rPh>
    <phoneticPr fontId="3"/>
  </si>
  <si>
    <t>家　　　屋</t>
    <rPh sb="0" eb="5">
      <t>カオク</t>
    </rPh>
    <phoneticPr fontId="3"/>
  </si>
  <si>
    <t>茅ヶ崎市</t>
    <rPh sb="0" eb="4">
      <t>チガサキシ</t>
    </rPh>
    <phoneticPr fontId="3"/>
  </si>
  <si>
    <t>対前年度比</t>
    <rPh sb="0" eb="1">
      <t>タイ</t>
    </rPh>
    <rPh sb="1" eb="5">
      <t>ゼンネンドヒ</t>
    </rPh>
    <phoneticPr fontId="3"/>
  </si>
  <si>
    <t>償却資産</t>
    <rPh sb="0" eb="2">
      <t>ショウキャク</t>
    </rPh>
    <rPh sb="2" eb="4">
      <t>シサン</t>
    </rPh>
    <phoneticPr fontId="3"/>
  </si>
  <si>
    <t>軽自動車税</t>
    <rPh sb="0" eb="1">
      <t>ケイ</t>
    </rPh>
    <rPh sb="1" eb="4">
      <t>ジドウシャ</t>
    </rPh>
    <rPh sb="4" eb="5">
      <t>ゼイ</t>
    </rPh>
    <phoneticPr fontId="3"/>
  </si>
  <si>
    <t>市町村たばこ税</t>
    <rPh sb="0" eb="3">
      <t>シチョウソン</t>
    </rPh>
    <rPh sb="6" eb="7">
      <t>ゼイ</t>
    </rPh>
    <phoneticPr fontId="3"/>
  </si>
  <si>
    <t>都市計画税</t>
    <rPh sb="0" eb="2">
      <t>トシ</t>
    </rPh>
    <rPh sb="2" eb="4">
      <t>ケイカク</t>
    </rPh>
    <rPh sb="4" eb="5">
      <t>ゼイ</t>
    </rPh>
    <phoneticPr fontId="3"/>
  </si>
  <si>
    <t>特別土地保有税</t>
    <rPh sb="0" eb="2">
      <t>トクベツ</t>
    </rPh>
    <rPh sb="2" eb="4">
      <t>トチ</t>
    </rPh>
    <rPh sb="4" eb="7">
      <t>ホユウゼイ</t>
    </rPh>
    <phoneticPr fontId="3"/>
  </si>
  <si>
    <t>事業所税</t>
    <rPh sb="0" eb="3">
      <t>ジギョウショ</t>
    </rPh>
    <rPh sb="3" eb="4">
      <t>ゼイ</t>
    </rPh>
    <phoneticPr fontId="3"/>
  </si>
  <si>
    <t>入湯税</t>
    <rPh sb="0" eb="2">
      <t>ニュウトウ</t>
    </rPh>
    <rPh sb="2" eb="3">
      <t>ゼイ</t>
    </rPh>
    <phoneticPr fontId="3"/>
  </si>
  <si>
    <t>法定外普通税</t>
    <rPh sb="0" eb="2">
      <t>ホウテイ</t>
    </rPh>
    <rPh sb="2" eb="3">
      <t>ガイ</t>
    </rPh>
    <rPh sb="3" eb="5">
      <t>フツウ</t>
    </rPh>
    <rPh sb="5" eb="6">
      <t>ゼイ</t>
    </rPh>
    <phoneticPr fontId="3"/>
  </si>
  <si>
    <t>交付金</t>
    <rPh sb="0" eb="1">
      <t>コウ</t>
    </rPh>
    <rPh sb="1" eb="2">
      <t>ヅケ</t>
    </rPh>
    <rPh sb="2" eb="3">
      <t>キン</t>
    </rPh>
    <phoneticPr fontId="3"/>
  </si>
  <si>
    <t>皆減</t>
  </si>
  <si>
    <t>-</t>
  </si>
  <si>
    <t>１　令和３年度市町村税市町村別決算額</t>
    <rPh sb="2" eb="4">
      <t>レイワ</t>
    </rPh>
    <rPh sb="5" eb="7">
      <t>ネンド</t>
    </rPh>
    <rPh sb="6" eb="7">
      <t>ド</t>
    </rPh>
    <rPh sb="7" eb="9">
      <t>ヘイネンド</t>
    </rPh>
    <rPh sb="11" eb="14">
      <t>シチョウソン</t>
    </rPh>
    <rPh sb="14" eb="15">
      <t>ベツ</t>
    </rPh>
    <rPh sb="15" eb="17">
      <t>ケッサン</t>
    </rPh>
    <rPh sb="17" eb="18">
      <t>ガク</t>
    </rPh>
    <phoneticPr fontId="10"/>
  </si>
  <si>
    <t>令和３年度地方財政状況調査(06表)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_(* #,##0_);_(* \(#,##0\);_(* &quot;-&quot;_);_(@_)"/>
    <numFmt numFmtId="177" formatCode="_ * #,##0.0_ ;_ * \-#,##0.0_ ;_ * &quot;-&quot;?_ ;_ @_ "/>
    <numFmt numFmtId="178" formatCode="0.0;&quot;▲&quot;0.0"/>
  </numFmts>
  <fonts count="33" x14ac:knownFonts="1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明朝"/>
      <family val="1"/>
      <charset val="128"/>
    </font>
    <font>
      <sz val="10"/>
      <name val="ＭＳ Ｐ明朝"/>
      <family val="1"/>
      <charset val="128"/>
    </font>
    <font>
      <sz val="10"/>
      <name val="ＭＳ Ｐゴシック"/>
      <family val="3"/>
      <charset val="128"/>
    </font>
    <font>
      <sz val="14"/>
      <name val="ＭＳ Ｐゴシック"/>
      <family val="3"/>
      <charset val="128"/>
    </font>
    <font>
      <sz val="14"/>
      <name val="Terminal"/>
      <family val="3"/>
      <charset val="255"/>
    </font>
    <font>
      <sz val="12"/>
      <name val="Arial"/>
      <family val="2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7.5"/>
      <name val="ＭＳ ゴシック"/>
      <family val="3"/>
      <charset val="128"/>
    </font>
    <font>
      <sz val="13"/>
      <name val="ＭＳ ゴシック"/>
      <family val="3"/>
      <charset val="128"/>
    </font>
    <font>
      <sz val="20"/>
      <name val="ＭＳ Ｐゴシック"/>
      <family val="3"/>
      <charset val="128"/>
    </font>
    <font>
      <sz val="18"/>
      <color theme="3"/>
      <name val="ＭＳ Ｐゴシック"/>
      <family val="2"/>
      <charset val="128"/>
      <scheme val="major"/>
    </font>
    <font>
      <b/>
      <sz val="15"/>
      <color theme="3"/>
      <name val="ＭＳ 明朝"/>
      <family val="2"/>
      <charset val="128"/>
    </font>
    <font>
      <b/>
      <sz val="13"/>
      <color theme="3"/>
      <name val="ＭＳ 明朝"/>
      <family val="2"/>
      <charset val="128"/>
    </font>
    <font>
      <b/>
      <sz val="11"/>
      <color theme="3"/>
      <name val="ＭＳ 明朝"/>
      <family val="2"/>
      <charset val="128"/>
    </font>
    <font>
      <sz val="12"/>
      <color rgb="FF006100"/>
      <name val="ＭＳ 明朝"/>
      <family val="2"/>
      <charset val="128"/>
    </font>
    <font>
      <sz val="12"/>
      <color rgb="FF9C0006"/>
      <name val="ＭＳ 明朝"/>
      <family val="2"/>
      <charset val="128"/>
    </font>
    <font>
      <sz val="12"/>
      <color rgb="FF9C6500"/>
      <name val="ＭＳ 明朝"/>
      <family val="2"/>
      <charset val="128"/>
    </font>
    <font>
      <sz val="12"/>
      <color rgb="FF3F3F76"/>
      <name val="ＭＳ 明朝"/>
      <family val="2"/>
      <charset val="128"/>
    </font>
    <font>
      <b/>
      <sz val="12"/>
      <color rgb="FF3F3F3F"/>
      <name val="ＭＳ 明朝"/>
      <family val="2"/>
      <charset val="128"/>
    </font>
    <font>
      <b/>
      <sz val="12"/>
      <color rgb="FFFA7D00"/>
      <name val="ＭＳ 明朝"/>
      <family val="2"/>
      <charset val="128"/>
    </font>
    <font>
      <sz val="12"/>
      <color rgb="FFFA7D00"/>
      <name val="ＭＳ 明朝"/>
      <family val="2"/>
      <charset val="128"/>
    </font>
    <font>
      <b/>
      <sz val="12"/>
      <color theme="0"/>
      <name val="ＭＳ 明朝"/>
      <family val="2"/>
      <charset val="128"/>
    </font>
    <font>
      <sz val="12"/>
      <color rgb="FFFF0000"/>
      <name val="ＭＳ 明朝"/>
      <family val="2"/>
      <charset val="128"/>
    </font>
    <font>
      <i/>
      <sz val="12"/>
      <color rgb="FF7F7F7F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12"/>
      <color theme="0"/>
      <name val="ＭＳ 明朝"/>
      <family val="2"/>
      <charset val="128"/>
    </font>
    <font>
      <sz val="13"/>
      <color theme="1"/>
      <name val="ＭＳ ゴシック"/>
      <family val="3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40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/>
      <right style="double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uble">
        <color indexed="64"/>
      </left>
      <right style="double">
        <color indexed="64"/>
      </right>
      <top/>
      <bottom/>
      <diagonal/>
    </border>
    <border>
      <left style="double">
        <color indexed="64"/>
      </left>
      <right style="thin">
        <color indexed="64"/>
      </right>
      <top/>
      <bottom/>
      <diagonal/>
    </border>
    <border>
      <left style="double">
        <color indexed="64"/>
      </left>
      <right style="double">
        <color indexed="64"/>
      </right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/>
      <bottom/>
      <diagonal/>
    </border>
    <border>
      <left style="double">
        <color auto="1"/>
      </left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double">
        <color indexed="64"/>
      </left>
      <right style="thin">
        <color indexed="64"/>
      </right>
      <top/>
      <bottom style="thin">
        <color indexed="64"/>
      </bottom>
      <diagonal/>
    </border>
    <border>
      <left style="double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</borders>
  <cellStyleXfs count="45">
    <xf numFmtId="0" fontId="0" fillId="0" borderId="0"/>
    <xf numFmtId="38" fontId="2" fillId="0" borderId="0" applyFont="0" applyFill="0" applyBorder="0" applyAlignment="0" applyProtection="0"/>
    <xf numFmtId="0" fontId="9" fillId="0" borderId="0"/>
    <xf numFmtId="0" fontId="16" fillId="0" borderId="0" applyNumberFormat="0" applyFill="0" applyBorder="0" applyAlignment="0" applyProtection="0">
      <alignment vertical="center"/>
    </xf>
    <xf numFmtId="0" fontId="17" fillId="0" borderId="23" applyNumberFormat="0" applyFill="0" applyAlignment="0" applyProtection="0">
      <alignment vertical="center"/>
    </xf>
    <xf numFmtId="0" fontId="18" fillId="0" borderId="24" applyNumberFormat="0" applyFill="0" applyAlignment="0" applyProtection="0">
      <alignment vertical="center"/>
    </xf>
    <xf numFmtId="0" fontId="19" fillId="0" borderId="25" applyNumberFormat="0" applyFill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2" borderId="0" applyNumberFormat="0" applyBorder="0" applyAlignment="0" applyProtection="0">
      <alignment vertical="center"/>
    </xf>
    <xf numFmtId="0" fontId="21" fillId="3" borderId="0" applyNumberFormat="0" applyBorder="0" applyAlignment="0" applyProtection="0">
      <alignment vertical="center"/>
    </xf>
    <xf numFmtId="0" fontId="22" fillId="4" borderId="0" applyNumberFormat="0" applyBorder="0" applyAlignment="0" applyProtection="0">
      <alignment vertical="center"/>
    </xf>
    <xf numFmtId="0" fontId="23" fillId="5" borderId="26" applyNumberFormat="0" applyAlignment="0" applyProtection="0">
      <alignment vertical="center"/>
    </xf>
    <xf numFmtId="0" fontId="24" fillId="6" borderId="27" applyNumberFormat="0" applyAlignment="0" applyProtection="0">
      <alignment vertical="center"/>
    </xf>
    <xf numFmtId="0" fontId="25" fillId="6" borderId="26" applyNumberFormat="0" applyAlignment="0" applyProtection="0">
      <alignment vertical="center"/>
    </xf>
    <xf numFmtId="0" fontId="26" fillId="0" borderId="28" applyNumberFormat="0" applyFill="0" applyAlignment="0" applyProtection="0">
      <alignment vertical="center"/>
    </xf>
    <xf numFmtId="0" fontId="27" fillId="7" borderId="29" applyNumberFormat="0" applyAlignment="0" applyProtection="0">
      <alignment vertical="center"/>
    </xf>
    <xf numFmtId="0" fontId="28" fillId="0" borderId="0" applyNumberFormat="0" applyFill="0" applyBorder="0" applyAlignment="0" applyProtection="0">
      <alignment vertical="center"/>
    </xf>
    <xf numFmtId="0" fontId="29" fillId="0" borderId="0" applyNumberFormat="0" applyFill="0" applyBorder="0" applyAlignment="0" applyProtection="0">
      <alignment vertical="center"/>
    </xf>
    <xf numFmtId="0" fontId="30" fillId="0" borderId="31" applyNumberFormat="0" applyFill="0" applyAlignment="0" applyProtection="0">
      <alignment vertical="center"/>
    </xf>
    <xf numFmtId="0" fontId="31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31" fillId="12" borderId="0" applyNumberFormat="0" applyBorder="0" applyAlignment="0" applyProtection="0">
      <alignment vertical="center"/>
    </xf>
    <xf numFmtId="0" fontId="31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31" fillId="16" borderId="0" applyNumberFormat="0" applyBorder="0" applyAlignment="0" applyProtection="0">
      <alignment vertical="center"/>
    </xf>
    <xf numFmtId="0" fontId="31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31" fillId="20" borderId="0" applyNumberFormat="0" applyBorder="0" applyAlignment="0" applyProtection="0">
      <alignment vertical="center"/>
    </xf>
    <xf numFmtId="0" fontId="31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31" fillId="24" borderId="0" applyNumberFormat="0" applyBorder="0" applyAlignment="0" applyProtection="0">
      <alignment vertical="center"/>
    </xf>
    <xf numFmtId="0" fontId="31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31" fillId="28" borderId="0" applyNumberFormat="0" applyBorder="0" applyAlignment="0" applyProtection="0">
      <alignment vertical="center"/>
    </xf>
    <xf numFmtId="0" fontId="31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31" fillId="32" borderId="0" applyNumberFormat="0" applyBorder="0" applyAlignment="0" applyProtection="0">
      <alignment vertical="center"/>
    </xf>
    <xf numFmtId="0" fontId="1" fillId="0" borderId="0">
      <alignment vertical="center"/>
    </xf>
    <xf numFmtId="0" fontId="1" fillId="8" borderId="30" applyNumberFormat="0" applyFont="0" applyAlignment="0" applyProtection="0">
      <alignment vertical="center"/>
    </xf>
  </cellStyleXfs>
  <cellXfs count="91">
    <xf numFmtId="0" fontId="0" fillId="0" borderId="0" xfId="0"/>
    <xf numFmtId="0" fontId="11" fillId="0" borderId="0" xfId="0" applyFont="1" applyFill="1" applyBorder="1" applyAlignment="1">
      <alignment vertical="center"/>
    </xf>
    <xf numFmtId="0" fontId="4" fillId="0" borderId="0" xfId="0" applyFont="1" applyFill="1" applyAlignment="1">
      <alignment horizontal="center" vertical="center"/>
    </xf>
    <xf numFmtId="0" fontId="8" fillId="0" borderId="0" xfId="0" applyFont="1" applyFill="1"/>
    <xf numFmtId="0" fontId="0" fillId="0" borderId="0" xfId="0" applyFill="1"/>
    <xf numFmtId="0" fontId="7" fillId="0" borderId="0" xfId="2" applyNumberFormat="1" applyFont="1" applyFill="1" applyBorder="1" applyAlignment="1" applyProtection="1">
      <alignment horizontal="left" vertical="center"/>
      <protection locked="0"/>
    </xf>
    <xf numFmtId="0" fontId="15" fillId="0" borderId="0" xfId="2" applyNumberFormat="1" applyFont="1" applyFill="1" applyBorder="1" applyAlignment="1" applyProtection="1">
      <alignment horizontal="left" vertical="center"/>
      <protection locked="0"/>
    </xf>
    <xf numFmtId="0" fontId="8" fillId="0" borderId="0" xfId="2" applyNumberFormat="1" applyFont="1" applyFill="1" applyBorder="1" applyAlignment="1" applyProtection="1">
      <alignment horizontal="left" vertical="center"/>
      <protection locked="0"/>
    </xf>
    <xf numFmtId="0" fontId="7" fillId="0" borderId="0" xfId="2" applyNumberFormat="1" applyFont="1" applyFill="1" applyBorder="1" applyAlignment="1" applyProtection="1">
      <alignment horizontal="left"/>
      <protection locked="0"/>
    </xf>
    <xf numFmtId="0" fontId="11" fillId="0" borderId="6" xfId="0" applyFont="1" applyFill="1" applyBorder="1" applyAlignment="1">
      <alignment vertical="center"/>
    </xf>
    <xf numFmtId="0" fontId="11" fillId="0" borderId="0" xfId="0" applyFont="1" applyFill="1" applyAlignment="1">
      <alignment vertical="center"/>
    </xf>
    <xf numFmtId="0" fontId="11" fillId="0" borderId="0" xfId="0" applyFont="1" applyFill="1" applyAlignment="1">
      <alignment horizontal="right"/>
    </xf>
    <xf numFmtId="0" fontId="11" fillId="0" borderId="0" xfId="0" applyFont="1" applyFill="1" applyAlignment="1">
      <alignment horizontal="right" vertical="center"/>
    </xf>
    <xf numFmtId="0" fontId="4" fillId="0" borderId="0" xfId="0" applyFont="1" applyFill="1"/>
    <xf numFmtId="0" fontId="11" fillId="0" borderId="0" xfId="0" applyFont="1" applyFill="1"/>
    <xf numFmtId="0" fontId="12" fillId="0" borderId="4" xfId="0" applyFont="1" applyFill="1" applyBorder="1" applyAlignment="1">
      <alignment vertical="center"/>
    </xf>
    <xf numFmtId="0" fontId="12" fillId="0" borderId="3" xfId="0" applyFont="1" applyFill="1" applyBorder="1" applyAlignment="1">
      <alignment vertical="center"/>
    </xf>
    <xf numFmtId="0" fontId="12" fillId="0" borderId="12" xfId="0" applyFont="1" applyFill="1" applyBorder="1" applyAlignment="1">
      <alignment vertical="center"/>
    </xf>
    <xf numFmtId="0" fontId="12" fillId="0" borderId="1" xfId="0" applyFont="1" applyFill="1" applyBorder="1" applyAlignment="1">
      <alignment vertical="center"/>
    </xf>
    <xf numFmtId="0" fontId="12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center" vertical="center"/>
    </xf>
    <xf numFmtId="0" fontId="12" fillId="0" borderId="7" xfId="0" applyFont="1" applyFill="1" applyBorder="1" applyAlignment="1">
      <alignment vertical="center"/>
    </xf>
    <xf numFmtId="0" fontId="12" fillId="0" borderId="2" xfId="0" applyFont="1" applyFill="1" applyBorder="1" applyAlignment="1">
      <alignment vertical="center"/>
    </xf>
    <xf numFmtId="0" fontId="12" fillId="0" borderId="8" xfId="0" applyFont="1" applyFill="1" applyBorder="1" applyAlignment="1">
      <alignment vertical="center"/>
    </xf>
    <xf numFmtId="0" fontId="12" fillId="0" borderId="0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vertical="center"/>
    </xf>
    <xf numFmtId="0" fontId="12" fillId="0" borderId="0" xfId="0" applyFont="1" applyFill="1" applyBorder="1" applyAlignment="1">
      <alignment vertical="center"/>
    </xf>
    <xf numFmtId="0" fontId="12" fillId="0" borderId="16" xfId="0" applyFont="1" applyFill="1" applyBorder="1" applyAlignment="1">
      <alignment horizontal="center" vertical="center"/>
    </xf>
    <xf numFmtId="0" fontId="13" fillId="0" borderId="14" xfId="0" applyFont="1" applyFill="1" applyBorder="1" applyAlignment="1">
      <alignment horizontal="center" vertical="center"/>
    </xf>
    <xf numFmtId="0" fontId="11" fillId="0" borderId="14" xfId="0" applyFont="1" applyFill="1" applyBorder="1" applyAlignment="1">
      <alignment horizontal="center" vertical="center"/>
    </xf>
    <xf numFmtId="0" fontId="12" fillId="0" borderId="3" xfId="0" applyFont="1" applyFill="1" applyBorder="1" applyAlignment="1">
      <alignment horizontal="distributed" vertical="center"/>
    </xf>
    <xf numFmtId="177" fontId="12" fillId="0" borderId="3" xfId="0" applyNumberFormat="1" applyFont="1" applyFill="1" applyBorder="1" applyAlignment="1">
      <alignment vertical="center"/>
    </xf>
    <xf numFmtId="178" fontId="32" fillId="0" borderId="14" xfId="43" applyNumberFormat="1" applyFont="1" applyFill="1" applyBorder="1" applyAlignment="1">
      <alignment horizontal="right" vertical="center"/>
    </xf>
    <xf numFmtId="178" fontId="14" fillId="0" borderId="14" xfId="0" applyNumberFormat="1" applyFont="1" applyFill="1" applyBorder="1" applyAlignment="1">
      <alignment horizontal="right" vertical="center"/>
    </xf>
    <xf numFmtId="0" fontId="14" fillId="0" borderId="4" xfId="0" applyFont="1" applyFill="1" applyBorder="1" applyAlignment="1">
      <alignment vertical="center"/>
    </xf>
    <xf numFmtId="177" fontId="14" fillId="0" borderId="3" xfId="0" applyNumberFormat="1" applyFont="1" applyFill="1" applyBorder="1" applyAlignment="1">
      <alignment vertical="center"/>
    </xf>
    <xf numFmtId="178" fontId="14" fillId="0" borderId="5" xfId="0" applyNumberFormat="1" applyFont="1" applyFill="1" applyBorder="1" applyAlignment="1">
      <alignment horizontal="right" vertical="center"/>
    </xf>
    <xf numFmtId="176" fontId="4" fillId="0" borderId="0" xfId="0" applyNumberFormat="1" applyFont="1" applyFill="1"/>
    <xf numFmtId="177" fontId="12" fillId="0" borderId="0" xfId="0" applyNumberFormat="1" applyFont="1" applyFill="1" applyBorder="1" applyAlignment="1">
      <alignment vertical="center"/>
    </xf>
    <xf numFmtId="178" fontId="32" fillId="0" borderId="9" xfId="43" applyNumberFormat="1" applyFont="1" applyFill="1" applyBorder="1" applyAlignment="1">
      <alignment horizontal="right" vertical="center"/>
    </xf>
    <xf numFmtId="178" fontId="32" fillId="0" borderId="11" xfId="43" applyNumberFormat="1" applyFont="1" applyFill="1" applyBorder="1" applyAlignment="1">
      <alignment horizontal="right" vertical="center"/>
    </xf>
    <xf numFmtId="178" fontId="14" fillId="0" borderId="11" xfId="0" applyNumberFormat="1" applyFont="1" applyFill="1" applyBorder="1" applyAlignment="1">
      <alignment horizontal="right" vertical="center"/>
    </xf>
    <xf numFmtId="0" fontId="14" fillId="0" borderId="8" xfId="0" applyFont="1" applyFill="1" applyBorder="1" applyAlignment="1">
      <alignment vertical="center"/>
    </xf>
    <xf numFmtId="177" fontId="14" fillId="0" borderId="0" xfId="0" applyNumberFormat="1" applyFont="1" applyFill="1" applyBorder="1" applyAlignment="1">
      <alignment vertical="center"/>
    </xf>
    <xf numFmtId="178" fontId="14" fillId="0" borderId="9" xfId="0" applyNumberFormat="1" applyFont="1" applyFill="1" applyBorder="1" applyAlignment="1">
      <alignment horizontal="right" vertical="center"/>
    </xf>
    <xf numFmtId="178" fontId="32" fillId="0" borderId="33" xfId="43" applyNumberFormat="1" applyFont="1" applyFill="1" applyBorder="1" applyAlignment="1">
      <alignment horizontal="right" vertical="center"/>
    </xf>
    <xf numFmtId="178" fontId="14" fillId="0" borderId="33" xfId="0" applyNumberFormat="1" applyFont="1" applyFill="1" applyBorder="1" applyAlignment="1">
      <alignment horizontal="right" vertical="center"/>
    </xf>
    <xf numFmtId="0" fontId="14" fillId="0" borderId="32" xfId="0" applyFont="1" applyFill="1" applyBorder="1" applyAlignment="1">
      <alignment vertical="center"/>
    </xf>
    <xf numFmtId="0" fontId="12" fillId="0" borderId="6" xfId="0" applyFont="1" applyFill="1" applyBorder="1" applyAlignment="1">
      <alignment horizontal="distributed" vertical="center"/>
    </xf>
    <xf numFmtId="177" fontId="14" fillId="0" borderId="6" xfId="0" applyNumberFormat="1" applyFont="1" applyFill="1" applyBorder="1" applyAlignment="1">
      <alignment vertical="center"/>
    </xf>
    <xf numFmtId="178" fontId="32" fillId="0" borderId="37" xfId="43" applyNumberFormat="1" applyFont="1" applyFill="1" applyBorder="1" applyAlignment="1">
      <alignment horizontal="right" vertical="center"/>
    </xf>
    <xf numFmtId="178" fontId="14" fillId="0" borderId="37" xfId="0" applyNumberFormat="1" applyFont="1" applyFill="1" applyBorder="1" applyAlignment="1">
      <alignment horizontal="right" vertical="center"/>
    </xf>
    <xf numFmtId="0" fontId="14" fillId="0" borderId="38" xfId="0" applyFont="1" applyFill="1" applyBorder="1" applyAlignment="1">
      <alignment vertical="center"/>
    </xf>
    <xf numFmtId="0" fontId="12" fillId="0" borderId="39" xfId="0" applyFont="1" applyFill="1" applyBorder="1" applyAlignment="1">
      <alignment horizontal="distributed" vertical="center"/>
    </xf>
    <xf numFmtId="177" fontId="14" fillId="0" borderId="39" xfId="0" applyNumberFormat="1" applyFont="1" applyFill="1" applyBorder="1" applyAlignment="1">
      <alignment vertical="center"/>
    </xf>
    <xf numFmtId="0" fontId="12" fillId="0" borderId="21" xfId="0" applyFont="1" applyFill="1" applyBorder="1" applyAlignment="1">
      <alignment vertical="center"/>
    </xf>
    <xf numFmtId="0" fontId="12" fillId="0" borderId="22" xfId="0" applyFont="1" applyFill="1" applyBorder="1" applyAlignment="1">
      <alignment horizontal="distributed" vertical="center"/>
    </xf>
    <xf numFmtId="177" fontId="12" fillId="0" borderId="22" xfId="0" applyNumberFormat="1" applyFont="1" applyFill="1" applyBorder="1" applyAlignment="1">
      <alignment vertical="center"/>
    </xf>
    <xf numFmtId="178" fontId="14" fillId="0" borderId="34" xfId="0" applyNumberFormat="1" applyFont="1" applyFill="1" applyBorder="1" applyAlignment="1">
      <alignment horizontal="right" vertical="center"/>
    </xf>
    <xf numFmtId="0" fontId="12" fillId="0" borderId="1" xfId="0" applyFont="1" applyFill="1" applyBorder="1" applyAlignment="1">
      <alignment horizontal="distributed" vertical="center"/>
    </xf>
    <xf numFmtId="177" fontId="12" fillId="0" borderId="1" xfId="0" applyNumberFormat="1" applyFont="1" applyFill="1" applyBorder="1" applyAlignment="1">
      <alignment vertical="center"/>
    </xf>
    <xf numFmtId="178" fontId="14" fillId="0" borderId="10" xfId="0" applyNumberFormat="1" applyFont="1" applyFill="1" applyBorder="1" applyAlignment="1">
      <alignment horizontal="right" vertical="center"/>
    </xf>
    <xf numFmtId="0" fontId="5" fillId="0" borderId="0" xfId="0" applyFont="1" applyFill="1" applyAlignment="1">
      <alignment vertical="center"/>
    </xf>
    <xf numFmtId="38" fontId="5" fillId="0" borderId="0" xfId="1" applyFont="1" applyFill="1" applyAlignment="1">
      <alignment vertical="center"/>
    </xf>
    <xf numFmtId="0" fontId="6" fillId="0" borderId="0" xfId="0" applyFont="1" applyFill="1" applyBorder="1" applyAlignment="1">
      <alignment horizontal="centerContinuous"/>
    </xf>
    <xf numFmtId="0" fontId="6" fillId="0" borderId="0" xfId="0" applyFont="1" applyFill="1" applyBorder="1" applyAlignment="1">
      <alignment horizontal="center"/>
    </xf>
    <xf numFmtId="177" fontId="7" fillId="0" borderId="0" xfId="0" applyNumberFormat="1" applyFont="1" applyFill="1" applyBorder="1"/>
    <xf numFmtId="0" fontId="12" fillId="0" borderId="8" xfId="0" applyFont="1" applyFill="1" applyBorder="1" applyAlignment="1">
      <alignment horizontal="center" vertical="center"/>
    </xf>
    <xf numFmtId="0" fontId="12" fillId="0" borderId="11" xfId="0" applyFont="1" applyFill="1" applyBorder="1" applyAlignment="1">
      <alignment horizontal="center" vertical="center"/>
    </xf>
    <xf numFmtId="176" fontId="32" fillId="0" borderId="20" xfId="43" applyNumberFormat="1" applyFont="1" applyFill="1" applyBorder="1" applyAlignment="1">
      <alignment horizontal="right" vertical="center"/>
    </xf>
    <xf numFmtId="176" fontId="32" fillId="0" borderId="14" xfId="43" applyNumberFormat="1" applyFont="1" applyFill="1" applyBorder="1" applyAlignment="1">
      <alignment horizontal="right" vertical="center"/>
    </xf>
    <xf numFmtId="176" fontId="32" fillId="0" borderId="16" xfId="43" applyNumberFormat="1" applyFont="1" applyFill="1" applyBorder="1" applyAlignment="1">
      <alignment horizontal="right" vertical="center"/>
    </xf>
    <xf numFmtId="176" fontId="32" fillId="0" borderId="11" xfId="43" applyNumberFormat="1" applyFont="1" applyFill="1" applyBorder="1" applyAlignment="1">
      <alignment horizontal="right" vertical="center"/>
    </xf>
    <xf numFmtId="176" fontId="32" fillId="0" borderId="35" xfId="43" applyNumberFormat="1" applyFont="1" applyFill="1" applyBorder="1" applyAlignment="1">
      <alignment horizontal="right" vertical="center"/>
    </xf>
    <xf numFmtId="176" fontId="32" fillId="0" borderId="33" xfId="43" applyNumberFormat="1" applyFont="1" applyFill="1" applyBorder="1" applyAlignment="1">
      <alignment horizontal="right" vertical="center"/>
    </xf>
    <xf numFmtId="176" fontId="32" fillId="0" borderId="36" xfId="43" applyNumberFormat="1" applyFont="1" applyFill="1" applyBorder="1" applyAlignment="1">
      <alignment horizontal="right" vertical="center"/>
    </xf>
    <xf numFmtId="176" fontId="32" fillId="0" borderId="37" xfId="43" applyNumberFormat="1" applyFont="1" applyFill="1" applyBorder="1" applyAlignment="1">
      <alignment horizontal="right" vertical="center"/>
    </xf>
    <xf numFmtId="176" fontId="14" fillId="0" borderId="35" xfId="0" applyNumberFormat="1" applyFont="1" applyFill="1" applyBorder="1" applyAlignment="1">
      <alignment horizontal="right" vertical="center"/>
    </xf>
    <xf numFmtId="176" fontId="14" fillId="0" borderId="33" xfId="0" applyNumberFormat="1" applyFont="1" applyFill="1" applyBorder="1" applyAlignment="1">
      <alignment horizontal="right" vertical="center"/>
    </xf>
    <xf numFmtId="0" fontId="12" fillId="0" borderId="17" xfId="0" applyFont="1" applyFill="1" applyBorder="1" applyAlignment="1">
      <alignment horizontal="center" vertical="center"/>
    </xf>
    <xf numFmtId="0" fontId="12" fillId="0" borderId="18" xfId="0" applyFont="1" applyFill="1" applyBorder="1" applyAlignment="1">
      <alignment horizontal="center" vertical="center"/>
    </xf>
    <xf numFmtId="0" fontId="12" fillId="0" borderId="15" xfId="0" applyFont="1" applyFill="1" applyBorder="1" applyAlignment="1">
      <alignment horizontal="center" vertical="center"/>
    </xf>
    <xf numFmtId="0" fontId="12" fillId="0" borderId="19" xfId="0" applyFont="1" applyFill="1" applyBorder="1" applyAlignment="1">
      <alignment horizontal="center" vertical="center"/>
    </xf>
    <xf numFmtId="0" fontId="12" fillId="0" borderId="14" xfId="0" applyFont="1" applyFill="1" applyBorder="1" applyAlignment="1">
      <alignment horizontal="center" vertical="center" wrapText="1"/>
    </xf>
    <xf numFmtId="0" fontId="12" fillId="0" borderId="14" xfId="0" applyFont="1" applyFill="1" applyBorder="1" applyAlignment="1">
      <alignment horizontal="center" vertical="center"/>
    </xf>
    <xf numFmtId="0" fontId="12" fillId="0" borderId="11" xfId="0" applyFont="1" applyFill="1" applyBorder="1" applyAlignment="1">
      <alignment horizontal="center" vertical="center"/>
    </xf>
    <xf numFmtId="0" fontId="12" fillId="0" borderId="4" xfId="0" applyFont="1" applyFill="1" applyBorder="1" applyAlignment="1">
      <alignment horizontal="center" vertical="center"/>
    </xf>
    <xf numFmtId="0" fontId="12" fillId="0" borderId="5" xfId="0" applyFont="1" applyFill="1" applyBorder="1" applyAlignment="1">
      <alignment horizontal="center" vertical="center"/>
    </xf>
    <xf numFmtId="0" fontId="12" fillId="0" borderId="8" xfId="0" applyFont="1" applyFill="1" applyBorder="1" applyAlignment="1">
      <alignment horizontal="center" vertical="center"/>
    </xf>
    <xf numFmtId="0" fontId="12" fillId="0" borderId="9" xfId="0" applyFont="1" applyFill="1" applyBorder="1" applyAlignment="1">
      <alignment horizontal="center" vertical="center"/>
    </xf>
    <xf numFmtId="0" fontId="12" fillId="0" borderId="10" xfId="0" applyFont="1" applyFill="1" applyBorder="1" applyAlignment="1">
      <alignment horizontal="center" vertical="center"/>
    </xf>
  </cellXfs>
  <cellStyles count="45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3" builtinId="15" customBuiltin="1"/>
    <cellStyle name="チェック セル" xfId="15" builtinId="23" customBuiltin="1"/>
    <cellStyle name="どちらでもない" xfId="10" builtinId="28" customBuiltin="1"/>
    <cellStyle name="メモ 2" xfId="44"/>
    <cellStyle name="リンク セル" xfId="14" builtinId="24" customBuiltin="1"/>
    <cellStyle name="悪い" xfId="9" builtinId="27" customBuiltin="1"/>
    <cellStyle name="計算" xfId="13" builtinId="22" customBuiltin="1"/>
    <cellStyle name="警告文" xfId="16" builtinId="11" customBuiltin="1"/>
    <cellStyle name="桁区切り" xfId="1" builtinId="6"/>
    <cellStyle name="見出し 1" xfId="4" builtinId="16" customBuiltin="1"/>
    <cellStyle name="見出し 2" xfId="5" builtinId="17" customBuiltin="1"/>
    <cellStyle name="見出し 3" xfId="6" builtinId="18" customBuiltin="1"/>
    <cellStyle name="見出し 4" xfId="7" builtinId="19" customBuiltin="1"/>
    <cellStyle name="集計" xfId="18" builtinId="25" customBuiltin="1"/>
    <cellStyle name="出力" xfId="12" builtinId="21" customBuiltin="1"/>
    <cellStyle name="説明文" xfId="17" builtinId="53" customBuiltin="1"/>
    <cellStyle name="入力" xfId="11" builtinId="20" customBuiltin="1"/>
    <cellStyle name="標準" xfId="0" builtinId="0"/>
    <cellStyle name="標準 2" xfId="43"/>
    <cellStyle name="標準_Sheet16" xfId="2"/>
    <cellStyle name="良い" xfId="8" builtinId="26" customBuiltin="1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800000"/>
      <rgbColor rgb="00008000"/>
      <rgbColor rgb="00000080"/>
      <rgbColor rgb="00808000"/>
      <rgbColor rgb="00800080"/>
      <rgbColor rgb="00008080"/>
      <rgbColor rgb="00C0C0C0"/>
      <rgbColor rgb="00808080"/>
      <rgbColor rgb="008080FF"/>
      <rgbColor rgb="00802060"/>
      <rgbColor rgb="00FFFFC0"/>
      <rgbColor rgb="00A0E0E0"/>
      <rgbColor rgb="00600080"/>
      <rgbColor rgb="00FF8080"/>
      <rgbColor rgb="000080C0"/>
      <rgbColor rgb="00C0C0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69FFFF"/>
      <rgbColor rgb="00CCFFCC"/>
      <rgbColor rgb="00FFFF99"/>
      <rgbColor rgb="00A6CAF0"/>
      <rgbColor rgb="00CC9CCC"/>
      <rgbColor rgb="00CC99FF"/>
      <rgbColor rgb="00E3E3E3"/>
      <rgbColor rgb="003366FF"/>
      <rgbColor rgb="0033CCCC"/>
      <rgbColor rgb="00339933"/>
      <rgbColor rgb="00999933"/>
      <rgbColor rgb="00996633"/>
      <rgbColor rgb="00996666"/>
      <rgbColor rgb="00666699"/>
      <rgbColor rgb="00969696"/>
      <rgbColor rgb="003333CC"/>
      <rgbColor rgb="00336666"/>
      <rgbColor rgb="00003300"/>
      <rgbColor rgb="00333300"/>
      <rgbColor rgb="00663300"/>
      <rgbColor rgb="00993366"/>
      <rgbColor rgb="00333399"/>
      <rgbColor rgb="00424242"/>
    </indexedColors>
    <mruColors>
      <color rgb="FFFF9933"/>
      <color rgb="FFFFD521"/>
      <color rgb="FFFFCC00"/>
      <color rgb="FF00FF00"/>
      <color rgb="FFFF99FF"/>
      <color rgb="FF00FF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89"/>
  <sheetViews>
    <sheetView showGridLines="0" tabSelected="1" view="pageBreakPreview" zoomScale="60" zoomScaleNormal="70" workbookViewId="0">
      <selection activeCell="U36" sqref="U36"/>
    </sheetView>
  </sheetViews>
  <sheetFormatPr defaultColWidth="9" defaultRowHeight="13" x14ac:dyDescent="0.2"/>
  <cols>
    <col min="1" max="1" width="1.7265625" style="4" customWidth="1"/>
    <col min="2" max="2" width="11.90625" style="4" customWidth="1"/>
    <col min="3" max="3" width="1.26953125" style="4" customWidth="1"/>
    <col min="4" max="4" width="17.6328125" style="4" customWidth="1"/>
    <col min="5" max="5" width="8.7265625" style="4" customWidth="1"/>
    <col min="6" max="6" width="18" style="4" customWidth="1"/>
    <col min="7" max="7" width="8.7265625" style="4" customWidth="1"/>
    <col min="8" max="8" width="17.7265625" style="4" customWidth="1"/>
    <col min="9" max="9" width="8.7265625" style="4" customWidth="1"/>
    <col min="10" max="10" width="17.90625" style="4" customWidth="1"/>
    <col min="11" max="11" width="8.7265625" style="4" customWidth="1"/>
    <col min="12" max="12" width="18.36328125" style="4" customWidth="1"/>
    <col min="13" max="13" width="8.7265625" style="4" customWidth="1"/>
    <col min="14" max="14" width="17.7265625" style="4" customWidth="1"/>
    <col min="15" max="15" width="8.7265625" style="4" customWidth="1"/>
    <col min="16" max="16" width="18" style="4" customWidth="1"/>
    <col min="17" max="17" width="8.7265625" style="4" customWidth="1"/>
    <col min="18" max="18" width="16.36328125" style="4" customWidth="1"/>
    <col min="19" max="19" width="8.7265625" style="4" customWidth="1"/>
    <col min="20" max="20" width="1.7265625" style="4" customWidth="1"/>
    <col min="21" max="21" width="11.90625" style="4" customWidth="1"/>
    <col min="22" max="22" width="1.26953125" style="4" customWidth="1"/>
    <col min="23" max="23" width="18.6328125" style="4" customWidth="1"/>
    <col min="24" max="24" width="8.7265625" style="4" customWidth="1"/>
    <col min="25" max="25" width="17.26953125" style="4" customWidth="1"/>
    <col min="26" max="26" width="8.7265625" style="4" customWidth="1"/>
    <col min="27" max="27" width="16.6328125" style="4" customWidth="1"/>
    <col min="28" max="28" width="8.7265625" style="4" customWidth="1"/>
    <col min="29" max="29" width="16.7265625" style="4" customWidth="1"/>
    <col min="30" max="30" width="8.7265625" style="4" customWidth="1"/>
    <col min="31" max="31" width="15.08984375" style="4" customWidth="1"/>
    <col min="32" max="32" width="8.7265625" style="4" customWidth="1"/>
    <col min="33" max="33" width="16.08984375" style="4" customWidth="1"/>
    <col min="34" max="34" width="8.7265625" style="4" customWidth="1"/>
    <col min="35" max="35" width="11.7265625" style="4" customWidth="1"/>
    <col min="36" max="36" width="8.7265625" style="4" customWidth="1"/>
    <col min="37" max="37" width="20.36328125" style="4" customWidth="1"/>
    <col min="38" max="38" width="11.6328125" style="4" customWidth="1"/>
    <col min="39" max="39" width="18.7265625" style="4" customWidth="1"/>
    <col min="40" max="16384" width="9" style="4"/>
  </cols>
  <sheetData>
    <row r="1" spans="1:39" ht="16.5" x14ac:dyDescent="0.25">
      <c r="A1" s="2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3"/>
    </row>
    <row r="2" spans="1:39" ht="23.5" x14ac:dyDescent="0.25">
      <c r="A2" s="5"/>
      <c r="B2" s="6" t="s">
        <v>55</v>
      </c>
      <c r="C2" s="2"/>
      <c r="D2" s="7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5"/>
      <c r="U2" s="6"/>
      <c r="V2" s="2"/>
      <c r="W2" s="2"/>
      <c r="X2" s="2"/>
      <c r="Y2" s="2"/>
      <c r="Z2" s="2"/>
      <c r="AA2" s="2"/>
      <c r="AB2" s="2"/>
      <c r="AC2" s="2"/>
      <c r="AD2" s="2"/>
      <c r="AE2" s="2"/>
      <c r="AF2" s="2"/>
      <c r="AG2" s="2"/>
      <c r="AH2" s="2"/>
      <c r="AI2" s="2"/>
      <c r="AJ2" s="2"/>
      <c r="AK2" s="2"/>
      <c r="AL2" s="2"/>
      <c r="AM2" s="3"/>
    </row>
    <row r="3" spans="1:39" ht="16.5" x14ac:dyDescent="0.25">
      <c r="A3" s="2"/>
      <c r="B3" s="8"/>
      <c r="C3" s="2"/>
      <c r="D3" s="2"/>
      <c r="E3" s="2"/>
      <c r="F3" s="2"/>
      <c r="G3" s="2"/>
      <c r="H3" s="2"/>
      <c r="I3" s="2"/>
      <c r="J3" s="2"/>
      <c r="K3" s="2"/>
      <c r="L3" s="2"/>
      <c r="M3" s="2"/>
      <c r="N3" s="2"/>
      <c r="O3" s="2"/>
      <c r="P3" s="2"/>
      <c r="Q3" s="2"/>
      <c r="R3" s="2"/>
      <c r="S3" s="2"/>
      <c r="T3" s="2"/>
      <c r="U3" s="8"/>
      <c r="V3" s="2"/>
      <c r="W3" s="2"/>
      <c r="X3" s="2"/>
      <c r="Y3" s="2"/>
      <c r="Z3" s="2"/>
      <c r="AA3" s="2"/>
      <c r="AB3" s="2"/>
      <c r="AC3" s="2"/>
      <c r="AD3" s="2"/>
      <c r="AE3" s="2"/>
      <c r="AF3" s="2"/>
      <c r="AG3" s="2"/>
      <c r="AH3" s="2"/>
      <c r="AI3" s="2"/>
      <c r="AJ3" s="2"/>
      <c r="AK3" s="2"/>
      <c r="AL3" s="2"/>
      <c r="AM3" s="3"/>
    </row>
    <row r="4" spans="1:39" s="14" customFormat="1" ht="24" customHeight="1" x14ac:dyDescent="0.25">
      <c r="A4" s="9"/>
      <c r="B4" s="9"/>
      <c r="C4" s="9"/>
      <c r="D4" s="10"/>
      <c r="E4" s="10"/>
      <c r="F4" s="10"/>
      <c r="G4" s="10"/>
      <c r="H4" s="10"/>
      <c r="I4" s="10"/>
      <c r="J4" s="10"/>
      <c r="K4" s="11"/>
      <c r="L4" s="10"/>
      <c r="M4" s="10"/>
      <c r="N4" s="10"/>
      <c r="O4" s="10"/>
      <c r="P4" s="10"/>
      <c r="Q4" s="10"/>
      <c r="R4" s="10"/>
      <c r="S4" s="11" t="s">
        <v>30</v>
      </c>
      <c r="T4" s="9"/>
      <c r="U4" s="9"/>
      <c r="V4" s="9"/>
      <c r="W4" s="10"/>
      <c r="X4" s="10"/>
      <c r="Y4" s="10"/>
      <c r="Z4" s="10"/>
      <c r="AA4" s="10"/>
      <c r="AB4" s="10"/>
      <c r="AC4" s="10"/>
      <c r="AD4" s="11"/>
      <c r="AE4" s="10"/>
      <c r="AF4" s="10"/>
      <c r="AG4" s="10"/>
      <c r="AH4" s="10"/>
      <c r="AI4" s="10"/>
      <c r="AJ4" s="12"/>
      <c r="AK4" s="12"/>
      <c r="AL4" s="11" t="s">
        <v>30</v>
      </c>
      <c r="AM4" s="13"/>
    </row>
    <row r="5" spans="1:39" s="14" customFormat="1" ht="20.149999999999999" customHeight="1" x14ac:dyDescent="0.25">
      <c r="A5" s="15"/>
      <c r="B5" s="16"/>
      <c r="C5" s="17"/>
      <c r="D5" s="79" t="s">
        <v>29</v>
      </c>
      <c r="E5" s="80"/>
      <c r="F5" s="18"/>
      <c r="G5" s="18"/>
      <c r="H5" s="19"/>
      <c r="I5" s="20"/>
      <c r="J5" s="83" t="s">
        <v>31</v>
      </c>
      <c r="K5" s="84"/>
      <c r="L5" s="21"/>
      <c r="M5" s="18"/>
      <c r="N5" s="16"/>
      <c r="O5" s="16"/>
      <c r="P5" s="16"/>
      <c r="Q5" s="16"/>
      <c r="R5" s="18"/>
      <c r="S5" s="22"/>
      <c r="T5" s="15"/>
      <c r="U5" s="16"/>
      <c r="V5" s="17"/>
      <c r="W5" s="84" t="s">
        <v>47</v>
      </c>
      <c r="X5" s="84"/>
      <c r="Y5" s="86" t="s">
        <v>46</v>
      </c>
      <c r="Z5" s="87"/>
      <c r="AA5" s="86" t="s">
        <v>49</v>
      </c>
      <c r="AB5" s="87"/>
      <c r="AC5" s="86" t="s">
        <v>45</v>
      </c>
      <c r="AD5" s="87"/>
      <c r="AE5" s="86" t="s">
        <v>50</v>
      </c>
      <c r="AF5" s="87"/>
      <c r="AG5" s="86" t="s">
        <v>48</v>
      </c>
      <c r="AH5" s="87"/>
      <c r="AI5" s="86" t="s">
        <v>51</v>
      </c>
      <c r="AJ5" s="87"/>
      <c r="AK5" s="86" t="s">
        <v>36</v>
      </c>
      <c r="AL5" s="87"/>
      <c r="AM5" s="13"/>
    </row>
    <row r="6" spans="1:39" s="14" customFormat="1" ht="20.149999999999999" customHeight="1" x14ac:dyDescent="0.25">
      <c r="A6" s="23"/>
      <c r="B6" s="24" t="s">
        <v>39</v>
      </c>
      <c r="C6" s="25"/>
      <c r="D6" s="81"/>
      <c r="E6" s="82"/>
      <c r="F6" s="86" t="s">
        <v>34</v>
      </c>
      <c r="G6" s="87"/>
      <c r="H6" s="86" t="s">
        <v>35</v>
      </c>
      <c r="I6" s="87"/>
      <c r="J6" s="85"/>
      <c r="K6" s="85"/>
      <c r="L6" s="84" t="s">
        <v>40</v>
      </c>
      <c r="M6" s="84"/>
      <c r="N6" s="86" t="s">
        <v>41</v>
      </c>
      <c r="O6" s="87"/>
      <c r="P6" s="84" t="s">
        <v>44</v>
      </c>
      <c r="Q6" s="90"/>
      <c r="R6" s="84" t="s">
        <v>52</v>
      </c>
      <c r="S6" s="90"/>
      <c r="T6" s="23"/>
      <c r="U6" s="24" t="s">
        <v>39</v>
      </c>
      <c r="V6" s="25"/>
      <c r="W6" s="85"/>
      <c r="X6" s="85"/>
      <c r="Y6" s="88"/>
      <c r="Z6" s="89"/>
      <c r="AA6" s="88"/>
      <c r="AB6" s="89"/>
      <c r="AC6" s="88"/>
      <c r="AD6" s="89"/>
      <c r="AE6" s="88"/>
      <c r="AF6" s="89"/>
      <c r="AG6" s="88"/>
      <c r="AH6" s="89"/>
      <c r="AI6" s="88"/>
      <c r="AJ6" s="89"/>
      <c r="AK6" s="88"/>
      <c r="AL6" s="89"/>
      <c r="AM6" s="13"/>
    </row>
    <row r="7" spans="1:39" s="14" customFormat="1" ht="20.149999999999999" customHeight="1" x14ac:dyDescent="0.25">
      <c r="A7" s="23"/>
      <c r="B7" s="26"/>
      <c r="C7" s="25"/>
      <c r="D7" s="27"/>
      <c r="E7" s="28" t="s">
        <v>43</v>
      </c>
      <c r="F7" s="67"/>
      <c r="G7" s="28" t="s">
        <v>43</v>
      </c>
      <c r="H7" s="67"/>
      <c r="I7" s="28" t="s">
        <v>43</v>
      </c>
      <c r="J7" s="67"/>
      <c r="K7" s="28" t="s">
        <v>43</v>
      </c>
      <c r="L7" s="67"/>
      <c r="M7" s="28" t="s">
        <v>43</v>
      </c>
      <c r="N7" s="67"/>
      <c r="O7" s="28" t="s">
        <v>43</v>
      </c>
      <c r="P7" s="68"/>
      <c r="Q7" s="28" t="s">
        <v>43</v>
      </c>
      <c r="R7" s="68"/>
      <c r="S7" s="28" t="s">
        <v>43</v>
      </c>
      <c r="T7" s="23"/>
      <c r="U7" s="26"/>
      <c r="V7" s="25"/>
      <c r="W7" s="67"/>
      <c r="X7" s="28" t="s">
        <v>43</v>
      </c>
      <c r="Y7" s="67"/>
      <c r="Z7" s="28" t="s">
        <v>43</v>
      </c>
      <c r="AA7" s="67"/>
      <c r="AB7" s="28" t="s">
        <v>43</v>
      </c>
      <c r="AC7" s="67"/>
      <c r="AD7" s="28" t="s">
        <v>43</v>
      </c>
      <c r="AE7" s="67"/>
      <c r="AF7" s="28" t="s">
        <v>43</v>
      </c>
      <c r="AG7" s="67"/>
      <c r="AH7" s="28" t="s">
        <v>43</v>
      </c>
      <c r="AI7" s="67"/>
      <c r="AJ7" s="28" t="s">
        <v>43</v>
      </c>
      <c r="AK7" s="67"/>
      <c r="AL7" s="29" t="s">
        <v>43</v>
      </c>
      <c r="AM7" s="13"/>
    </row>
    <row r="8" spans="1:39" s="14" customFormat="1" ht="20.149999999999999" customHeight="1" x14ac:dyDescent="0.25">
      <c r="A8" s="15"/>
      <c r="B8" s="30" t="s">
        <v>32</v>
      </c>
      <c r="C8" s="31"/>
      <c r="D8" s="69">
        <v>456707512</v>
      </c>
      <c r="E8" s="32">
        <v>-1.1070255195998135</v>
      </c>
      <c r="F8" s="70">
        <v>411280002</v>
      </c>
      <c r="G8" s="32">
        <v>-0.54909026175695708</v>
      </c>
      <c r="H8" s="70">
        <v>45427510</v>
      </c>
      <c r="I8" s="32">
        <v>-5.8871858846327063</v>
      </c>
      <c r="J8" s="70">
        <v>278334411</v>
      </c>
      <c r="K8" s="32">
        <v>-0.54395978250570964</v>
      </c>
      <c r="L8" s="70">
        <v>113711072</v>
      </c>
      <c r="M8" s="32">
        <v>-0.23129433588540138</v>
      </c>
      <c r="N8" s="70">
        <v>124771532</v>
      </c>
      <c r="O8" s="32">
        <v>-0.91400683430039598</v>
      </c>
      <c r="P8" s="70">
        <v>38937094</v>
      </c>
      <c r="Q8" s="32">
        <v>-0.25138322512934241</v>
      </c>
      <c r="R8" s="70">
        <v>914713</v>
      </c>
      <c r="S8" s="33">
        <v>-1.0410716449429591</v>
      </c>
      <c r="T8" s="34"/>
      <c r="U8" s="30" t="s">
        <v>32</v>
      </c>
      <c r="V8" s="35"/>
      <c r="W8" s="69">
        <v>59761986</v>
      </c>
      <c r="X8" s="32">
        <v>-0.5678161028930484</v>
      </c>
      <c r="Y8" s="70">
        <v>22024644</v>
      </c>
      <c r="Z8" s="32">
        <v>6.5713874836668573</v>
      </c>
      <c r="AA8" s="70">
        <v>18788129</v>
      </c>
      <c r="AB8" s="32">
        <v>2.8775791497030356</v>
      </c>
      <c r="AC8" s="70">
        <v>3241228</v>
      </c>
      <c r="AD8" s="32">
        <v>3.7704672928314364</v>
      </c>
      <c r="AE8" s="70">
        <v>43822</v>
      </c>
      <c r="AF8" s="32">
        <v>17.725123576187407</v>
      </c>
      <c r="AG8" s="70">
        <v>0</v>
      </c>
      <c r="AH8" s="32" t="s">
        <v>54</v>
      </c>
      <c r="AI8" s="70">
        <v>0</v>
      </c>
      <c r="AJ8" s="32" t="s">
        <v>54</v>
      </c>
      <c r="AK8" s="70">
        <v>838901732</v>
      </c>
      <c r="AL8" s="36">
        <v>-0.58872600055904778</v>
      </c>
      <c r="AM8" s="37"/>
    </row>
    <row r="9" spans="1:39" s="14" customFormat="1" ht="20.149999999999999" customHeight="1" x14ac:dyDescent="0.25">
      <c r="A9" s="23"/>
      <c r="B9" s="24" t="s">
        <v>0</v>
      </c>
      <c r="C9" s="38"/>
      <c r="D9" s="71">
        <v>190994001</v>
      </c>
      <c r="E9" s="39">
        <v>-0.60949317913825407</v>
      </c>
      <c r="F9" s="72">
        <v>175844851</v>
      </c>
      <c r="G9" s="40">
        <v>-0.4478291777166632</v>
      </c>
      <c r="H9" s="72">
        <v>15149150</v>
      </c>
      <c r="I9" s="40">
        <v>-2.4483112855219979</v>
      </c>
      <c r="J9" s="72">
        <v>127213019</v>
      </c>
      <c r="K9" s="40">
        <v>-0.457951415352853</v>
      </c>
      <c r="L9" s="72">
        <v>51050700</v>
      </c>
      <c r="M9" s="40">
        <v>-0.621841781590593</v>
      </c>
      <c r="N9" s="72">
        <v>53193376</v>
      </c>
      <c r="O9" s="40">
        <v>-0.77533215303453584</v>
      </c>
      <c r="P9" s="72">
        <v>22637565</v>
      </c>
      <c r="Q9" s="40">
        <v>0.63791920991091988</v>
      </c>
      <c r="R9" s="72">
        <v>331378</v>
      </c>
      <c r="S9" s="41">
        <v>1.9508548257582969</v>
      </c>
      <c r="T9" s="42"/>
      <c r="U9" s="24" t="s">
        <v>0</v>
      </c>
      <c r="V9" s="43"/>
      <c r="W9" s="71">
        <v>26580933</v>
      </c>
      <c r="X9" s="40">
        <v>-0.74420191729481777</v>
      </c>
      <c r="Y9" s="72">
        <v>9425875</v>
      </c>
      <c r="Z9" s="40">
        <v>6.4951130342098429</v>
      </c>
      <c r="AA9" s="72">
        <v>9437886</v>
      </c>
      <c r="AB9" s="40">
        <v>6.3120590623676698</v>
      </c>
      <c r="AC9" s="72">
        <v>941499</v>
      </c>
      <c r="AD9" s="40">
        <v>3.6026013468902773</v>
      </c>
      <c r="AE9" s="72">
        <v>12296</v>
      </c>
      <c r="AF9" s="40">
        <v>76.768257619321446</v>
      </c>
      <c r="AG9" s="72">
        <v>0</v>
      </c>
      <c r="AH9" s="40" t="s">
        <v>54</v>
      </c>
      <c r="AI9" s="72">
        <v>0</v>
      </c>
      <c r="AJ9" s="40" t="s">
        <v>54</v>
      </c>
      <c r="AK9" s="72">
        <v>364605509</v>
      </c>
      <c r="AL9" s="44">
        <v>-0.21414798592991335</v>
      </c>
      <c r="AM9" s="37"/>
    </row>
    <row r="10" spans="1:39" s="14" customFormat="1" ht="20.149999999999999" customHeight="1" x14ac:dyDescent="0.25">
      <c r="A10" s="23"/>
      <c r="B10" s="24" t="s">
        <v>5</v>
      </c>
      <c r="C10" s="38"/>
      <c r="D10" s="73">
        <v>65964614</v>
      </c>
      <c r="E10" s="45">
        <v>-1.3958639534488282</v>
      </c>
      <c r="F10" s="74">
        <v>61083671</v>
      </c>
      <c r="G10" s="45">
        <v>-0.66636859695157202</v>
      </c>
      <c r="H10" s="74">
        <v>4880943</v>
      </c>
      <c r="I10" s="45">
        <v>-9.6954642393747505</v>
      </c>
      <c r="J10" s="74">
        <v>45519327</v>
      </c>
      <c r="K10" s="45">
        <v>-1.8557874527151186</v>
      </c>
      <c r="L10" s="74">
        <v>19099052</v>
      </c>
      <c r="M10" s="45">
        <v>-0.5999326023682805</v>
      </c>
      <c r="N10" s="74">
        <v>18772847</v>
      </c>
      <c r="O10" s="45">
        <v>-3.0908454456997969</v>
      </c>
      <c r="P10" s="74">
        <v>6633536</v>
      </c>
      <c r="Q10" s="45">
        <v>-2.0887954677254905</v>
      </c>
      <c r="R10" s="74">
        <v>1013892</v>
      </c>
      <c r="S10" s="46">
        <v>-0.5082079658826566</v>
      </c>
      <c r="T10" s="47"/>
      <c r="U10" s="48" t="s">
        <v>5</v>
      </c>
      <c r="V10" s="49"/>
      <c r="W10" s="73">
        <v>9157177</v>
      </c>
      <c r="X10" s="45">
        <v>-1.3901384937266004</v>
      </c>
      <c r="Y10" s="74">
        <v>4628473</v>
      </c>
      <c r="Z10" s="45">
        <v>6.6308486906687447</v>
      </c>
      <c r="AA10" s="74">
        <v>3158792</v>
      </c>
      <c r="AB10" s="45">
        <v>2.5228646884952965</v>
      </c>
      <c r="AC10" s="74">
        <v>1146962</v>
      </c>
      <c r="AD10" s="45">
        <v>4.592463439300154</v>
      </c>
      <c r="AE10" s="74">
        <v>0</v>
      </c>
      <c r="AF10" s="45" t="s">
        <v>54</v>
      </c>
      <c r="AG10" s="74">
        <v>0</v>
      </c>
      <c r="AH10" s="45" t="s">
        <v>54</v>
      </c>
      <c r="AI10" s="74">
        <v>0</v>
      </c>
      <c r="AJ10" s="45" t="s">
        <v>54</v>
      </c>
      <c r="AK10" s="74">
        <v>129575345</v>
      </c>
      <c r="AL10" s="44">
        <v>-1.1501899074685129</v>
      </c>
      <c r="AM10" s="37"/>
    </row>
    <row r="11" spans="1:39" s="14" customFormat="1" ht="20.149999999999999" customHeight="1" x14ac:dyDescent="0.25">
      <c r="A11" s="15"/>
      <c r="B11" s="30" t="s">
        <v>1</v>
      </c>
      <c r="C11" s="31"/>
      <c r="D11" s="71">
        <v>25374081</v>
      </c>
      <c r="E11" s="40">
        <v>-5.5494490830185095</v>
      </c>
      <c r="F11" s="72">
        <v>22955288</v>
      </c>
      <c r="G11" s="40">
        <v>-1.861588141317716</v>
      </c>
      <c r="H11" s="72">
        <v>2418793</v>
      </c>
      <c r="I11" s="40">
        <v>-30.378618448510597</v>
      </c>
      <c r="J11" s="72">
        <v>22550151</v>
      </c>
      <c r="K11" s="40">
        <v>-2.219757087751828</v>
      </c>
      <c r="L11" s="72">
        <v>8282089</v>
      </c>
      <c r="M11" s="40">
        <v>-2.7445767943209631</v>
      </c>
      <c r="N11" s="72">
        <v>9902585</v>
      </c>
      <c r="O11" s="40">
        <v>-3.0225750539088048</v>
      </c>
      <c r="P11" s="72">
        <v>4207977</v>
      </c>
      <c r="Q11" s="40">
        <v>0.89598425553678585</v>
      </c>
      <c r="R11" s="72">
        <v>157500</v>
      </c>
      <c r="S11" s="41">
        <v>-4.2116466474076297</v>
      </c>
      <c r="T11" s="42"/>
      <c r="U11" s="24" t="s">
        <v>1</v>
      </c>
      <c r="V11" s="43"/>
      <c r="W11" s="71">
        <v>4496713</v>
      </c>
      <c r="X11" s="40">
        <v>-2.9886661870084485</v>
      </c>
      <c r="Y11" s="72">
        <v>2794294</v>
      </c>
      <c r="Z11" s="40">
        <v>7.7278711719474424</v>
      </c>
      <c r="AA11" s="72">
        <v>1483514</v>
      </c>
      <c r="AB11" s="40">
        <v>-6.3050693310680916</v>
      </c>
      <c r="AC11" s="72">
        <v>596567</v>
      </c>
      <c r="AD11" s="40">
        <v>3.3445934241069786</v>
      </c>
      <c r="AE11" s="72">
        <v>6980</v>
      </c>
      <c r="AF11" s="40">
        <v>15.966107326798461</v>
      </c>
      <c r="AG11" s="72">
        <v>0</v>
      </c>
      <c r="AH11" s="40" t="s">
        <v>53</v>
      </c>
      <c r="AI11" s="72">
        <v>0</v>
      </c>
      <c r="AJ11" s="40" t="s">
        <v>54</v>
      </c>
      <c r="AK11" s="72">
        <v>57302300</v>
      </c>
      <c r="AL11" s="36">
        <v>-3.4066044339106649</v>
      </c>
      <c r="AM11" s="37"/>
    </row>
    <row r="12" spans="1:39" s="14" customFormat="1" ht="20.149999999999999" customHeight="1" x14ac:dyDescent="0.25">
      <c r="A12" s="23"/>
      <c r="B12" s="24" t="s">
        <v>2</v>
      </c>
      <c r="C12" s="38"/>
      <c r="D12" s="71">
        <v>18381654</v>
      </c>
      <c r="E12" s="40">
        <v>-3.1955190825909696</v>
      </c>
      <c r="F12" s="72">
        <v>15500780</v>
      </c>
      <c r="G12" s="40">
        <v>-3.1432677054726188</v>
      </c>
      <c r="H12" s="72">
        <v>2880874</v>
      </c>
      <c r="I12" s="40">
        <v>-3.475696992236843</v>
      </c>
      <c r="J12" s="72">
        <v>19385528</v>
      </c>
      <c r="K12" s="40">
        <v>-1.7252091672648628</v>
      </c>
      <c r="L12" s="72">
        <v>8662816</v>
      </c>
      <c r="M12" s="40">
        <v>-0.67346950709351594</v>
      </c>
      <c r="N12" s="72">
        <v>7514663</v>
      </c>
      <c r="O12" s="40">
        <v>-2.4205844535450494</v>
      </c>
      <c r="P12" s="72">
        <v>3139615</v>
      </c>
      <c r="Q12" s="40">
        <v>-2.8839577722312382</v>
      </c>
      <c r="R12" s="72">
        <v>68434</v>
      </c>
      <c r="S12" s="41">
        <v>-2.7428798817577205</v>
      </c>
      <c r="T12" s="42"/>
      <c r="U12" s="24" t="s">
        <v>2</v>
      </c>
      <c r="V12" s="43"/>
      <c r="W12" s="71">
        <v>2616045</v>
      </c>
      <c r="X12" s="40">
        <v>-1.5782202668629064</v>
      </c>
      <c r="Y12" s="72">
        <v>1792475</v>
      </c>
      <c r="Z12" s="40">
        <v>7.5833354840297185</v>
      </c>
      <c r="AA12" s="72">
        <v>0</v>
      </c>
      <c r="AB12" s="40" t="s">
        <v>54</v>
      </c>
      <c r="AC12" s="72">
        <v>517167</v>
      </c>
      <c r="AD12" s="40">
        <v>3.7229946009257775</v>
      </c>
      <c r="AE12" s="72">
        <v>0</v>
      </c>
      <c r="AF12" s="40" t="s">
        <v>54</v>
      </c>
      <c r="AG12" s="72">
        <v>0</v>
      </c>
      <c r="AH12" s="40" t="s">
        <v>54</v>
      </c>
      <c r="AI12" s="72">
        <v>0</v>
      </c>
      <c r="AJ12" s="40" t="s">
        <v>54</v>
      </c>
      <c r="AK12" s="72">
        <v>42692869</v>
      </c>
      <c r="AL12" s="44">
        <v>-1.9388773658670755</v>
      </c>
      <c r="AM12" s="37"/>
    </row>
    <row r="13" spans="1:39" s="14" customFormat="1" ht="20.149999999999999" customHeight="1" x14ac:dyDescent="0.25">
      <c r="A13" s="23"/>
      <c r="B13" s="24" t="s">
        <v>37</v>
      </c>
      <c r="C13" s="38"/>
      <c r="D13" s="71">
        <v>18541377</v>
      </c>
      <c r="E13" s="40">
        <v>1.079882557606493</v>
      </c>
      <c r="F13" s="72">
        <v>16669167</v>
      </c>
      <c r="G13" s="40">
        <v>1.1502394595212628</v>
      </c>
      <c r="H13" s="72">
        <v>1872210</v>
      </c>
      <c r="I13" s="40">
        <v>0.45775050317140575</v>
      </c>
      <c r="J13" s="72">
        <v>13632658</v>
      </c>
      <c r="K13" s="40">
        <v>-0.21581533731567237</v>
      </c>
      <c r="L13" s="72">
        <v>7094295</v>
      </c>
      <c r="M13" s="40">
        <v>-0.12606905289832548</v>
      </c>
      <c r="N13" s="72">
        <v>4964661</v>
      </c>
      <c r="O13" s="40">
        <v>-1.3810378442588034</v>
      </c>
      <c r="P13" s="72">
        <v>1554110</v>
      </c>
      <c r="Q13" s="40">
        <v>3.2914680241155958</v>
      </c>
      <c r="R13" s="72">
        <v>19592</v>
      </c>
      <c r="S13" s="41">
        <v>-2.6290939814124559</v>
      </c>
      <c r="T13" s="42"/>
      <c r="U13" s="24" t="s">
        <v>37</v>
      </c>
      <c r="V13" s="43"/>
      <c r="W13" s="71">
        <v>3389266</v>
      </c>
      <c r="X13" s="40">
        <v>-0.25782608554905107</v>
      </c>
      <c r="Y13" s="72">
        <v>783034</v>
      </c>
      <c r="Z13" s="40">
        <v>2.5969125304305285</v>
      </c>
      <c r="AA13" s="72">
        <v>0</v>
      </c>
      <c r="AB13" s="40" t="s">
        <v>54</v>
      </c>
      <c r="AC13" s="72">
        <v>178007</v>
      </c>
      <c r="AD13" s="40">
        <v>4.2958839900395507</v>
      </c>
      <c r="AE13" s="72">
        <v>0</v>
      </c>
      <c r="AF13" s="40" t="s">
        <v>54</v>
      </c>
      <c r="AG13" s="72">
        <v>0</v>
      </c>
      <c r="AH13" s="40" t="s">
        <v>54</v>
      </c>
      <c r="AI13" s="72">
        <v>0</v>
      </c>
      <c r="AJ13" s="40" t="s">
        <v>54</v>
      </c>
      <c r="AK13" s="72">
        <v>36524342</v>
      </c>
      <c r="AL13" s="44">
        <v>0.51459999146883373</v>
      </c>
      <c r="AM13" s="37"/>
    </row>
    <row r="14" spans="1:39" s="14" customFormat="1" ht="20.149999999999999" customHeight="1" x14ac:dyDescent="0.25">
      <c r="A14" s="23"/>
      <c r="B14" s="24" t="s">
        <v>38</v>
      </c>
      <c r="C14" s="38"/>
      <c r="D14" s="71">
        <v>37709473</v>
      </c>
      <c r="E14" s="40">
        <v>-1.2897327139375969</v>
      </c>
      <c r="F14" s="72">
        <v>34212509</v>
      </c>
      <c r="G14" s="40">
        <v>-0.47850011823311611</v>
      </c>
      <c r="H14" s="72">
        <v>3496964</v>
      </c>
      <c r="I14" s="40">
        <v>-8.5803110758825181</v>
      </c>
      <c r="J14" s="72">
        <v>32063402</v>
      </c>
      <c r="K14" s="40">
        <v>-1.3708004137680363</v>
      </c>
      <c r="L14" s="72">
        <v>14647861</v>
      </c>
      <c r="M14" s="40">
        <v>-0.21995006863009259</v>
      </c>
      <c r="N14" s="72">
        <v>12925136</v>
      </c>
      <c r="O14" s="40">
        <v>-2.1409221006780221</v>
      </c>
      <c r="P14" s="72">
        <v>4391350</v>
      </c>
      <c r="Q14" s="40">
        <v>-3.0401586208114728</v>
      </c>
      <c r="R14" s="72">
        <v>99055</v>
      </c>
      <c r="S14" s="41">
        <v>7.7399145085328414</v>
      </c>
      <c r="T14" s="42"/>
      <c r="U14" s="24" t="s">
        <v>38</v>
      </c>
      <c r="V14" s="43"/>
      <c r="W14" s="71">
        <v>5986364</v>
      </c>
      <c r="X14" s="40">
        <v>-0.90596173474539743</v>
      </c>
      <c r="Y14" s="72">
        <v>2541902</v>
      </c>
      <c r="Z14" s="40">
        <v>8.2423649356162976</v>
      </c>
      <c r="AA14" s="72">
        <v>2475733</v>
      </c>
      <c r="AB14" s="40">
        <v>1.8652904317356889</v>
      </c>
      <c r="AC14" s="72">
        <v>548486</v>
      </c>
      <c r="AD14" s="40">
        <v>4.426183939471251</v>
      </c>
      <c r="AE14" s="72">
        <v>8286</v>
      </c>
      <c r="AF14" s="40">
        <v>15.871906027129068</v>
      </c>
      <c r="AG14" s="72">
        <v>5556</v>
      </c>
      <c r="AH14" s="40">
        <v>30.056179775280899</v>
      </c>
      <c r="AI14" s="72">
        <v>0</v>
      </c>
      <c r="AJ14" s="40" t="s">
        <v>54</v>
      </c>
      <c r="AK14" s="72">
        <v>81339202</v>
      </c>
      <c r="AL14" s="44">
        <v>-0.8876938106913479</v>
      </c>
      <c r="AM14" s="37"/>
    </row>
    <row r="15" spans="1:39" s="14" customFormat="1" ht="20.149999999999999" customHeight="1" x14ac:dyDescent="0.25">
      <c r="A15" s="23"/>
      <c r="B15" s="24" t="s">
        <v>3</v>
      </c>
      <c r="C15" s="38"/>
      <c r="D15" s="71">
        <v>13185062</v>
      </c>
      <c r="E15" s="40">
        <v>-3.5591092838750837</v>
      </c>
      <c r="F15" s="72">
        <v>11359839</v>
      </c>
      <c r="G15" s="40">
        <v>-2.737240589009704</v>
      </c>
      <c r="H15" s="72">
        <v>1825223</v>
      </c>
      <c r="I15" s="40">
        <v>-8.3776288015501077</v>
      </c>
      <c r="J15" s="72">
        <v>15120841</v>
      </c>
      <c r="K15" s="40">
        <v>-2.0862308131739504</v>
      </c>
      <c r="L15" s="72">
        <v>6252092</v>
      </c>
      <c r="M15" s="40">
        <v>-0.30661801556641777</v>
      </c>
      <c r="N15" s="72">
        <v>5764575</v>
      </c>
      <c r="O15" s="40">
        <v>-4.1468322723581359</v>
      </c>
      <c r="P15" s="72">
        <v>3077441</v>
      </c>
      <c r="Q15" s="40">
        <v>-1.7049526960987826</v>
      </c>
      <c r="R15" s="72">
        <v>26733</v>
      </c>
      <c r="S15" s="41">
        <v>-0.66882175900122576</v>
      </c>
      <c r="T15" s="42"/>
      <c r="U15" s="24" t="s">
        <v>3</v>
      </c>
      <c r="V15" s="43"/>
      <c r="W15" s="71">
        <v>1875146</v>
      </c>
      <c r="X15" s="40">
        <v>-1.9381782734932629</v>
      </c>
      <c r="Y15" s="72">
        <v>1324569</v>
      </c>
      <c r="Z15" s="40">
        <v>6.8539464523837079</v>
      </c>
      <c r="AA15" s="72">
        <v>0</v>
      </c>
      <c r="AB15" s="40" t="s">
        <v>54</v>
      </c>
      <c r="AC15" s="72">
        <v>409802</v>
      </c>
      <c r="AD15" s="40">
        <v>4.0486878453038777</v>
      </c>
      <c r="AE15" s="72">
        <v>19941</v>
      </c>
      <c r="AF15" s="40">
        <v>56.301928201912531</v>
      </c>
      <c r="AG15" s="72">
        <v>0</v>
      </c>
      <c r="AH15" s="40" t="s">
        <v>54</v>
      </c>
      <c r="AI15" s="72">
        <v>0</v>
      </c>
      <c r="AJ15" s="40" t="s">
        <v>54</v>
      </c>
      <c r="AK15" s="72">
        <v>31935361</v>
      </c>
      <c r="AL15" s="44">
        <v>-2.2579340349054178</v>
      </c>
      <c r="AM15" s="37"/>
    </row>
    <row r="16" spans="1:39" s="14" customFormat="1" ht="20.149999999999999" customHeight="1" x14ac:dyDescent="0.25">
      <c r="A16" s="23"/>
      <c r="B16" s="24" t="s">
        <v>42</v>
      </c>
      <c r="C16" s="38"/>
      <c r="D16" s="75">
        <v>17944582</v>
      </c>
      <c r="E16" s="50">
        <v>-1.7102540310963255</v>
      </c>
      <c r="F16" s="76">
        <v>16801565</v>
      </c>
      <c r="G16" s="50">
        <v>-1.9316154636868754</v>
      </c>
      <c r="H16" s="76">
        <v>1143017</v>
      </c>
      <c r="I16" s="50">
        <v>1.6628703012751656</v>
      </c>
      <c r="J16" s="76">
        <v>14004339</v>
      </c>
      <c r="K16" s="50">
        <v>-0.70515078498037953</v>
      </c>
      <c r="L16" s="76">
        <v>6905737</v>
      </c>
      <c r="M16" s="50">
        <v>0.1084767246900542</v>
      </c>
      <c r="N16" s="76">
        <v>5545783</v>
      </c>
      <c r="O16" s="50">
        <v>-2.7279681013829604</v>
      </c>
      <c r="P16" s="76">
        <v>1464390</v>
      </c>
      <c r="Q16" s="50">
        <v>3.4236542614876297</v>
      </c>
      <c r="R16" s="76">
        <v>88429</v>
      </c>
      <c r="S16" s="51">
        <v>0.13361868849859349</v>
      </c>
      <c r="T16" s="52"/>
      <c r="U16" s="53" t="s">
        <v>42</v>
      </c>
      <c r="V16" s="54"/>
      <c r="W16" s="75">
        <v>3383320</v>
      </c>
      <c r="X16" s="50">
        <v>-1.3004183031170458</v>
      </c>
      <c r="Y16" s="76">
        <v>1121201</v>
      </c>
      <c r="Z16" s="50">
        <v>7.3156841368761993</v>
      </c>
      <c r="AA16" s="76">
        <v>0</v>
      </c>
      <c r="AB16" s="50" t="s">
        <v>54</v>
      </c>
      <c r="AC16" s="76">
        <v>325906</v>
      </c>
      <c r="AD16" s="50">
        <v>4.1343016995402104</v>
      </c>
      <c r="AE16" s="76">
        <v>0</v>
      </c>
      <c r="AF16" s="50" t="s">
        <v>54</v>
      </c>
      <c r="AG16" s="76">
        <v>0</v>
      </c>
      <c r="AH16" s="50" t="s">
        <v>54</v>
      </c>
      <c r="AI16" s="76">
        <v>0</v>
      </c>
      <c r="AJ16" s="50" t="s">
        <v>54</v>
      </c>
      <c r="AK16" s="76">
        <v>36779348</v>
      </c>
      <c r="AL16" s="44">
        <v>-0.98770952487929886</v>
      </c>
      <c r="AM16" s="37"/>
    </row>
    <row r="17" spans="1:39" s="14" customFormat="1" ht="20.149999999999999" customHeight="1" x14ac:dyDescent="0.25">
      <c r="A17" s="55"/>
      <c r="B17" s="56" t="s">
        <v>4</v>
      </c>
      <c r="C17" s="57"/>
      <c r="D17" s="71">
        <v>5331175</v>
      </c>
      <c r="E17" s="40">
        <v>1.592826421271476</v>
      </c>
      <c r="F17" s="72">
        <v>5104411</v>
      </c>
      <c r="G17" s="40">
        <v>2.0046170158937837</v>
      </c>
      <c r="H17" s="72">
        <v>226764</v>
      </c>
      <c r="I17" s="40">
        <v>-6.8700409048346511</v>
      </c>
      <c r="J17" s="72">
        <v>3319658</v>
      </c>
      <c r="K17" s="40">
        <v>-2.5150192259012605</v>
      </c>
      <c r="L17" s="72">
        <v>1616358</v>
      </c>
      <c r="M17" s="40">
        <v>-0.95171914266227731</v>
      </c>
      <c r="N17" s="72">
        <v>1412262</v>
      </c>
      <c r="O17" s="40">
        <v>-3.6161796501343102</v>
      </c>
      <c r="P17" s="72">
        <v>262720</v>
      </c>
      <c r="Q17" s="40">
        <v>-5.7858234057965863</v>
      </c>
      <c r="R17" s="72">
        <v>28318</v>
      </c>
      <c r="S17" s="41">
        <v>-3.3878066254989569</v>
      </c>
      <c r="T17" s="42"/>
      <c r="U17" s="24" t="s">
        <v>4</v>
      </c>
      <c r="V17" s="43"/>
      <c r="W17" s="71">
        <v>587630</v>
      </c>
      <c r="X17" s="40">
        <v>-1.9074979509462353</v>
      </c>
      <c r="Y17" s="72">
        <v>245890</v>
      </c>
      <c r="Z17" s="40">
        <v>6.1242986620630102</v>
      </c>
      <c r="AA17" s="72">
        <v>0</v>
      </c>
      <c r="AB17" s="40" t="s">
        <v>54</v>
      </c>
      <c r="AC17" s="72">
        <v>66108</v>
      </c>
      <c r="AD17" s="40">
        <v>7.1616145242340723</v>
      </c>
      <c r="AE17" s="72">
        <v>0</v>
      </c>
      <c r="AF17" s="40" t="s">
        <v>54</v>
      </c>
      <c r="AG17" s="72">
        <v>0</v>
      </c>
      <c r="AH17" s="40" t="s">
        <v>54</v>
      </c>
      <c r="AI17" s="72">
        <v>0</v>
      </c>
      <c r="AJ17" s="40" t="s">
        <v>54</v>
      </c>
      <c r="AK17" s="72">
        <v>9550461</v>
      </c>
      <c r="AL17" s="58">
        <v>5.3659697156915875E-2</v>
      </c>
      <c r="AM17" s="37"/>
    </row>
    <row r="18" spans="1:39" s="14" customFormat="1" ht="20.149999999999999" customHeight="1" x14ac:dyDescent="0.25">
      <c r="A18" s="23"/>
      <c r="B18" s="24" t="s">
        <v>6</v>
      </c>
      <c r="C18" s="38"/>
      <c r="D18" s="71">
        <v>2303815</v>
      </c>
      <c r="E18" s="40">
        <v>-3.8835178286611205</v>
      </c>
      <c r="F18" s="72">
        <v>2135472</v>
      </c>
      <c r="G18" s="40">
        <v>-2.9472076788830681</v>
      </c>
      <c r="H18" s="72">
        <v>168343</v>
      </c>
      <c r="I18" s="40">
        <v>-14.363690933416084</v>
      </c>
      <c r="J18" s="72">
        <v>2249594</v>
      </c>
      <c r="K18" s="40">
        <v>-0.11513253561982184</v>
      </c>
      <c r="L18" s="72">
        <v>927925</v>
      </c>
      <c r="M18" s="40">
        <v>2.4480210918662149</v>
      </c>
      <c r="N18" s="72">
        <v>989820</v>
      </c>
      <c r="O18" s="40">
        <v>-4.2773560272714057</v>
      </c>
      <c r="P18" s="72">
        <v>271135</v>
      </c>
      <c r="Q18" s="40">
        <v>1.6217654643039259</v>
      </c>
      <c r="R18" s="72">
        <v>60714</v>
      </c>
      <c r="S18" s="41">
        <v>33.211927068477529</v>
      </c>
      <c r="T18" s="42"/>
      <c r="U18" s="24" t="s">
        <v>6</v>
      </c>
      <c r="V18" s="43"/>
      <c r="W18" s="71">
        <v>413222</v>
      </c>
      <c r="X18" s="40">
        <v>-0.99834926171987748</v>
      </c>
      <c r="Y18" s="72">
        <v>317996</v>
      </c>
      <c r="Z18" s="40">
        <v>6.3720325007442735</v>
      </c>
      <c r="AA18" s="72">
        <v>0</v>
      </c>
      <c r="AB18" s="40" t="s">
        <v>54</v>
      </c>
      <c r="AC18" s="72">
        <v>118341</v>
      </c>
      <c r="AD18" s="40">
        <v>3.0692319081669028</v>
      </c>
      <c r="AE18" s="72">
        <v>19299</v>
      </c>
      <c r="AF18" s="40">
        <v>30.381029590595876</v>
      </c>
      <c r="AG18" s="72">
        <v>0</v>
      </c>
      <c r="AH18" s="40" t="s">
        <v>54</v>
      </c>
      <c r="AI18" s="72">
        <v>0</v>
      </c>
      <c r="AJ18" s="40" t="s">
        <v>54</v>
      </c>
      <c r="AK18" s="72">
        <v>5422267</v>
      </c>
      <c r="AL18" s="44">
        <v>-1.3243577254473671</v>
      </c>
      <c r="AM18" s="37"/>
    </row>
    <row r="19" spans="1:39" s="14" customFormat="1" ht="20.149999999999999" customHeight="1" x14ac:dyDescent="0.25">
      <c r="A19" s="23"/>
      <c r="B19" s="24" t="s">
        <v>7</v>
      </c>
      <c r="C19" s="38"/>
      <c r="D19" s="71">
        <v>9752459</v>
      </c>
      <c r="E19" s="40">
        <v>-3.8206038878434545</v>
      </c>
      <c r="F19" s="72">
        <v>8903241</v>
      </c>
      <c r="G19" s="40">
        <v>-3.7056789614987817</v>
      </c>
      <c r="H19" s="72">
        <v>849218</v>
      </c>
      <c r="I19" s="40">
        <v>-5.0091722595078325</v>
      </c>
      <c r="J19" s="72">
        <v>9395765</v>
      </c>
      <c r="K19" s="40">
        <v>-3.1476362370905342</v>
      </c>
      <c r="L19" s="72">
        <v>3723108</v>
      </c>
      <c r="M19" s="40">
        <v>-3.75014541760057</v>
      </c>
      <c r="N19" s="72">
        <v>4072342</v>
      </c>
      <c r="O19" s="40">
        <v>-1.7474552267073951</v>
      </c>
      <c r="P19" s="72">
        <v>1579218</v>
      </c>
      <c r="Q19" s="40">
        <v>-5.2717766857976471</v>
      </c>
      <c r="R19" s="72">
        <v>21097</v>
      </c>
      <c r="S19" s="41">
        <v>9.4890164634442442E-2</v>
      </c>
      <c r="T19" s="42"/>
      <c r="U19" s="24" t="s">
        <v>7</v>
      </c>
      <c r="V19" s="43"/>
      <c r="W19" s="71">
        <v>1559552</v>
      </c>
      <c r="X19" s="40">
        <v>-3.6811176199931461</v>
      </c>
      <c r="Y19" s="72">
        <v>1007143</v>
      </c>
      <c r="Z19" s="40">
        <v>5.8270147359218649</v>
      </c>
      <c r="AA19" s="72">
        <v>0</v>
      </c>
      <c r="AB19" s="40" t="s">
        <v>54</v>
      </c>
      <c r="AC19" s="72">
        <v>345281</v>
      </c>
      <c r="AD19" s="40">
        <v>2.8669061961877906</v>
      </c>
      <c r="AE19" s="72">
        <v>3348</v>
      </c>
      <c r="AF19" s="40">
        <v>12.273641851106643</v>
      </c>
      <c r="AG19" s="72">
        <v>0</v>
      </c>
      <c r="AH19" s="40" t="s">
        <v>54</v>
      </c>
      <c r="AI19" s="72">
        <v>0</v>
      </c>
      <c r="AJ19" s="40" t="s">
        <v>54</v>
      </c>
      <c r="AK19" s="72">
        <v>22063548</v>
      </c>
      <c r="AL19" s="44">
        <v>-3.0193621959496486</v>
      </c>
      <c r="AM19" s="37"/>
    </row>
    <row r="20" spans="1:39" s="14" customFormat="1" ht="20.149999999999999" customHeight="1" x14ac:dyDescent="0.25">
      <c r="A20" s="23"/>
      <c r="B20" s="24" t="s">
        <v>8</v>
      </c>
      <c r="C20" s="38"/>
      <c r="D20" s="71">
        <v>19456698</v>
      </c>
      <c r="E20" s="40">
        <v>-17.491112462839254</v>
      </c>
      <c r="F20" s="72">
        <v>14742739</v>
      </c>
      <c r="G20" s="40">
        <v>-2.647052569673336</v>
      </c>
      <c r="H20" s="72">
        <v>4713959</v>
      </c>
      <c r="I20" s="40">
        <v>-44.132432175542782</v>
      </c>
      <c r="J20" s="72">
        <v>19962927</v>
      </c>
      <c r="K20" s="40">
        <v>-2.7719945499906862</v>
      </c>
      <c r="L20" s="72">
        <v>7851200</v>
      </c>
      <c r="M20" s="40">
        <v>-0.80984907461522093</v>
      </c>
      <c r="N20" s="72">
        <v>8589699</v>
      </c>
      <c r="O20" s="40">
        <v>-2.9965188194477244</v>
      </c>
      <c r="P20" s="72">
        <v>3427745</v>
      </c>
      <c r="Q20" s="40">
        <v>-6.5167678249758998</v>
      </c>
      <c r="R20" s="72">
        <v>94283</v>
      </c>
      <c r="S20" s="41">
        <v>-0.7923313270760568</v>
      </c>
      <c r="T20" s="42"/>
      <c r="U20" s="24" t="s">
        <v>8</v>
      </c>
      <c r="V20" s="43"/>
      <c r="W20" s="71">
        <v>2410044</v>
      </c>
      <c r="X20" s="40">
        <v>-1.6720746038293322</v>
      </c>
      <c r="Y20" s="72">
        <v>1883658</v>
      </c>
      <c r="Z20" s="40">
        <v>7.029367395003816</v>
      </c>
      <c r="AA20" s="72">
        <v>0</v>
      </c>
      <c r="AB20" s="40" t="s">
        <v>54</v>
      </c>
      <c r="AC20" s="72">
        <v>479798</v>
      </c>
      <c r="AD20" s="40">
        <v>4.5703400838658537</v>
      </c>
      <c r="AE20" s="72">
        <v>2432</v>
      </c>
      <c r="AF20" s="40">
        <v>3.050847457627115</v>
      </c>
      <c r="AG20" s="72">
        <v>0</v>
      </c>
      <c r="AH20" s="40" t="s">
        <v>54</v>
      </c>
      <c r="AI20" s="72">
        <v>0</v>
      </c>
      <c r="AJ20" s="40" t="s">
        <v>54</v>
      </c>
      <c r="AK20" s="72">
        <v>44195557</v>
      </c>
      <c r="AL20" s="44">
        <v>-9.4085482775224669</v>
      </c>
      <c r="AM20" s="37"/>
    </row>
    <row r="21" spans="1:39" s="14" customFormat="1" ht="20.149999999999999" customHeight="1" x14ac:dyDescent="0.25">
      <c r="A21" s="23"/>
      <c r="B21" s="24" t="s">
        <v>9</v>
      </c>
      <c r="C21" s="38"/>
      <c r="D21" s="75">
        <v>17827740</v>
      </c>
      <c r="E21" s="50">
        <v>-0.67656580150913248</v>
      </c>
      <c r="F21" s="76">
        <v>16164557</v>
      </c>
      <c r="G21" s="50">
        <v>-0.46714300483429172</v>
      </c>
      <c r="H21" s="76">
        <v>1663183</v>
      </c>
      <c r="I21" s="50">
        <v>-2.6669709817966902</v>
      </c>
      <c r="J21" s="76">
        <v>14668256</v>
      </c>
      <c r="K21" s="50">
        <v>-1.5959585008927912</v>
      </c>
      <c r="L21" s="76">
        <v>6546643</v>
      </c>
      <c r="M21" s="50">
        <v>-1.1210168340566984</v>
      </c>
      <c r="N21" s="76">
        <v>6224801</v>
      </c>
      <c r="O21" s="50">
        <v>-1.8307842953882325</v>
      </c>
      <c r="P21" s="76">
        <v>1810905</v>
      </c>
      <c r="Q21" s="50">
        <v>-2.5906019474295161</v>
      </c>
      <c r="R21" s="76">
        <v>85907</v>
      </c>
      <c r="S21" s="51">
        <v>0.67265887757375076</v>
      </c>
      <c r="T21" s="52"/>
      <c r="U21" s="53" t="s">
        <v>9</v>
      </c>
      <c r="V21" s="54"/>
      <c r="W21" s="75">
        <v>2127581</v>
      </c>
      <c r="X21" s="50">
        <v>-1.3875666390732344</v>
      </c>
      <c r="Y21" s="76">
        <v>1731516</v>
      </c>
      <c r="Z21" s="50">
        <v>5.9604091753584276</v>
      </c>
      <c r="AA21" s="76">
        <v>0</v>
      </c>
      <c r="AB21" s="50" t="s">
        <v>54</v>
      </c>
      <c r="AC21" s="76">
        <v>283645</v>
      </c>
      <c r="AD21" s="50">
        <v>3.8251066088325292</v>
      </c>
      <c r="AE21" s="76">
        <v>0</v>
      </c>
      <c r="AF21" s="50" t="s">
        <v>54</v>
      </c>
      <c r="AG21" s="76">
        <v>0</v>
      </c>
      <c r="AH21" s="50" t="s">
        <v>54</v>
      </c>
      <c r="AI21" s="76">
        <v>0</v>
      </c>
      <c r="AJ21" s="50" t="s">
        <v>54</v>
      </c>
      <c r="AK21" s="76">
        <v>36638738</v>
      </c>
      <c r="AL21" s="44">
        <v>-0.7622421127709611</v>
      </c>
      <c r="AM21" s="37"/>
    </row>
    <row r="22" spans="1:39" s="14" customFormat="1" ht="20.149999999999999" customHeight="1" x14ac:dyDescent="0.25">
      <c r="A22" s="55"/>
      <c r="B22" s="56" t="s">
        <v>10</v>
      </c>
      <c r="C22" s="57"/>
      <c r="D22" s="71">
        <v>7533989</v>
      </c>
      <c r="E22" s="40">
        <v>-2.932551810824624</v>
      </c>
      <c r="F22" s="72">
        <v>6570406</v>
      </c>
      <c r="G22" s="40">
        <v>-3.0717854386822396</v>
      </c>
      <c r="H22" s="72">
        <v>963583</v>
      </c>
      <c r="I22" s="40">
        <v>-1.9723877917049437</v>
      </c>
      <c r="J22" s="72">
        <v>7258967</v>
      </c>
      <c r="K22" s="40">
        <v>1.3665484959238805</v>
      </c>
      <c r="L22" s="72">
        <v>3026876</v>
      </c>
      <c r="M22" s="40">
        <v>2.1367946763865442</v>
      </c>
      <c r="N22" s="72">
        <v>2983610</v>
      </c>
      <c r="O22" s="40">
        <v>-0.722881143033971</v>
      </c>
      <c r="P22" s="72">
        <v>1213442</v>
      </c>
      <c r="Q22" s="40">
        <v>4.8570989099870898</v>
      </c>
      <c r="R22" s="72">
        <v>35039</v>
      </c>
      <c r="S22" s="41">
        <v>0.14862663274930465</v>
      </c>
      <c r="T22" s="42"/>
      <c r="U22" s="24" t="s">
        <v>10</v>
      </c>
      <c r="V22" s="43"/>
      <c r="W22" s="71">
        <v>866130</v>
      </c>
      <c r="X22" s="40">
        <v>0.80022903588461425</v>
      </c>
      <c r="Y22" s="72">
        <v>683235</v>
      </c>
      <c r="Z22" s="40">
        <v>9.5368489568720793</v>
      </c>
      <c r="AA22" s="72">
        <v>0</v>
      </c>
      <c r="AB22" s="40" t="s">
        <v>54</v>
      </c>
      <c r="AC22" s="72">
        <v>213967</v>
      </c>
      <c r="AD22" s="40">
        <v>3.3801836972329413</v>
      </c>
      <c r="AE22" s="72">
        <v>0</v>
      </c>
      <c r="AF22" s="40" t="s">
        <v>54</v>
      </c>
      <c r="AG22" s="72">
        <v>0</v>
      </c>
      <c r="AH22" s="40" t="s">
        <v>54</v>
      </c>
      <c r="AI22" s="72">
        <v>0</v>
      </c>
      <c r="AJ22" s="40" t="s">
        <v>54</v>
      </c>
      <c r="AK22" s="72">
        <v>16556288</v>
      </c>
      <c r="AL22" s="58">
        <v>-0.33946954865748946</v>
      </c>
      <c r="AM22" s="37"/>
    </row>
    <row r="23" spans="1:39" s="14" customFormat="1" ht="20.149999999999999" customHeight="1" x14ac:dyDescent="0.25">
      <c r="A23" s="23"/>
      <c r="B23" s="24" t="s">
        <v>11</v>
      </c>
      <c r="C23" s="38"/>
      <c r="D23" s="71">
        <v>10526916</v>
      </c>
      <c r="E23" s="40">
        <v>-1.3090645633432652</v>
      </c>
      <c r="F23" s="72">
        <v>9274626</v>
      </c>
      <c r="G23" s="40">
        <v>7.1568893071027873E-2</v>
      </c>
      <c r="H23" s="72">
        <v>1252290</v>
      </c>
      <c r="I23" s="40">
        <v>-10.458294453918505</v>
      </c>
      <c r="J23" s="72">
        <v>10679152</v>
      </c>
      <c r="K23" s="40">
        <v>1.2143079869927353</v>
      </c>
      <c r="L23" s="72">
        <v>4533090</v>
      </c>
      <c r="M23" s="40">
        <v>0.59175536783830918</v>
      </c>
      <c r="N23" s="72">
        <v>4528073</v>
      </c>
      <c r="O23" s="40">
        <v>3.3401282328073156</v>
      </c>
      <c r="P23" s="72">
        <v>1592349</v>
      </c>
      <c r="Q23" s="40">
        <v>-2.7406823762231136</v>
      </c>
      <c r="R23" s="72">
        <v>25640</v>
      </c>
      <c r="S23" s="41">
        <v>-0.11297674237407129</v>
      </c>
      <c r="T23" s="42"/>
      <c r="U23" s="24" t="s">
        <v>11</v>
      </c>
      <c r="V23" s="43"/>
      <c r="W23" s="71">
        <v>1440382</v>
      </c>
      <c r="X23" s="40">
        <v>2.0924102374365816</v>
      </c>
      <c r="Y23" s="72">
        <v>902120</v>
      </c>
      <c r="Z23" s="40">
        <v>6.3838318085440049</v>
      </c>
      <c r="AA23" s="72">
        <v>0</v>
      </c>
      <c r="AB23" s="40" t="s">
        <v>54</v>
      </c>
      <c r="AC23" s="72">
        <v>201103</v>
      </c>
      <c r="AD23" s="40">
        <v>4.2373320617017818</v>
      </c>
      <c r="AE23" s="72">
        <v>0</v>
      </c>
      <c r="AF23" s="40" t="s">
        <v>54</v>
      </c>
      <c r="AG23" s="72">
        <v>0</v>
      </c>
      <c r="AH23" s="40" t="s">
        <v>54</v>
      </c>
      <c r="AI23" s="72">
        <v>0</v>
      </c>
      <c r="AJ23" s="40" t="s">
        <v>54</v>
      </c>
      <c r="AK23" s="72">
        <v>23749673</v>
      </c>
      <c r="AL23" s="44">
        <v>0.33934176401020366</v>
      </c>
      <c r="AM23" s="37"/>
    </row>
    <row r="24" spans="1:39" s="14" customFormat="1" ht="20.149999999999999" customHeight="1" x14ac:dyDescent="0.25">
      <c r="A24" s="23"/>
      <c r="B24" s="24" t="s">
        <v>12</v>
      </c>
      <c r="C24" s="38"/>
      <c r="D24" s="71">
        <v>8608292</v>
      </c>
      <c r="E24" s="40">
        <v>-4.8775876413127079</v>
      </c>
      <c r="F24" s="72">
        <v>7846274</v>
      </c>
      <c r="G24" s="40">
        <v>-2.1333217916385649</v>
      </c>
      <c r="H24" s="72">
        <v>762018</v>
      </c>
      <c r="I24" s="40">
        <v>-26.188940226077349</v>
      </c>
      <c r="J24" s="72">
        <v>8224372</v>
      </c>
      <c r="K24" s="40">
        <v>-1.1956776505817723</v>
      </c>
      <c r="L24" s="72">
        <v>3380735</v>
      </c>
      <c r="M24" s="40">
        <v>0.38980190093382827</v>
      </c>
      <c r="N24" s="72">
        <v>3680570</v>
      </c>
      <c r="O24" s="40">
        <v>-1.0739607587849753</v>
      </c>
      <c r="P24" s="72">
        <v>1105032</v>
      </c>
      <c r="Q24" s="40">
        <v>-6.0430828880074454</v>
      </c>
      <c r="R24" s="72">
        <v>58035</v>
      </c>
      <c r="S24" s="41">
        <v>-2.7221374813523491</v>
      </c>
      <c r="T24" s="42"/>
      <c r="U24" s="24" t="s">
        <v>12</v>
      </c>
      <c r="V24" s="43"/>
      <c r="W24" s="71">
        <v>1187742</v>
      </c>
      <c r="X24" s="40">
        <v>-0.25194374600039371</v>
      </c>
      <c r="Y24" s="72">
        <v>761230</v>
      </c>
      <c r="Z24" s="40">
        <v>6.8502457093849722</v>
      </c>
      <c r="AA24" s="72">
        <v>0</v>
      </c>
      <c r="AB24" s="40" t="s">
        <v>54</v>
      </c>
      <c r="AC24" s="72">
        <v>189497</v>
      </c>
      <c r="AD24" s="40">
        <v>6.0289164176766219</v>
      </c>
      <c r="AE24" s="72">
        <v>0</v>
      </c>
      <c r="AF24" s="40" t="s">
        <v>54</v>
      </c>
      <c r="AG24" s="72">
        <v>0</v>
      </c>
      <c r="AH24" s="40" t="s">
        <v>54</v>
      </c>
      <c r="AI24" s="72">
        <v>0</v>
      </c>
      <c r="AJ24" s="40" t="s">
        <v>54</v>
      </c>
      <c r="AK24" s="72">
        <v>18971133</v>
      </c>
      <c r="AL24" s="44">
        <v>-2.4895596301897083</v>
      </c>
      <c r="AM24" s="37"/>
    </row>
    <row r="25" spans="1:39" s="14" customFormat="1" ht="20.149999999999999" customHeight="1" x14ac:dyDescent="0.25">
      <c r="A25" s="23"/>
      <c r="B25" s="24" t="s">
        <v>13</v>
      </c>
      <c r="C25" s="38"/>
      <c r="D25" s="71">
        <v>2664621</v>
      </c>
      <c r="E25" s="40">
        <v>3.6783219232048747</v>
      </c>
      <c r="F25" s="72">
        <v>2236318</v>
      </c>
      <c r="G25" s="40">
        <v>-2.9897971577796723</v>
      </c>
      <c r="H25" s="72">
        <v>428303</v>
      </c>
      <c r="I25" s="40">
        <v>61.718363571145396</v>
      </c>
      <c r="J25" s="72">
        <v>3310976</v>
      </c>
      <c r="K25" s="40">
        <v>-2.8320082078347686</v>
      </c>
      <c r="L25" s="72">
        <v>1301365</v>
      </c>
      <c r="M25" s="40">
        <v>-4.0681816841521723</v>
      </c>
      <c r="N25" s="72">
        <v>1311600</v>
      </c>
      <c r="O25" s="40">
        <v>-2.8840821264802252</v>
      </c>
      <c r="P25" s="72">
        <v>697969</v>
      </c>
      <c r="Q25" s="40">
        <v>-0.33712678308797095</v>
      </c>
      <c r="R25" s="72">
        <v>42</v>
      </c>
      <c r="S25" s="41">
        <v>-2.3255813953488413</v>
      </c>
      <c r="T25" s="42"/>
      <c r="U25" s="24" t="s">
        <v>13</v>
      </c>
      <c r="V25" s="43"/>
      <c r="W25" s="71">
        <v>383062</v>
      </c>
      <c r="X25" s="40">
        <v>-3.9114020895260282</v>
      </c>
      <c r="Y25" s="72">
        <v>271710</v>
      </c>
      <c r="Z25" s="40">
        <v>5.4705240725573256</v>
      </c>
      <c r="AA25" s="72">
        <v>0</v>
      </c>
      <c r="AB25" s="40" t="s">
        <v>54</v>
      </c>
      <c r="AC25" s="72">
        <v>113977</v>
      </c>
      <c r="AD25" s="40">
        <v>3.4349136053434037</v>
      </c>
      <c r="AE25" s="72">
        <v>547</v>
      </c>
      <c r="AF25" s="40">
        <v>9.4000000000000092</v>
      </c>
      <c r="AG25" s="72">
        <v>0</v>
      </c>
      <c r="AH25" s="40" t="s">
        <v>54</v>
      </c>
      <c r="AI25" s="72">
        <v>0</v>
      </c>
      <c r="AJ25" s="40" t="s">
        <v>54</v>
      </c>
      <c r="AK25" s="72">
        <v>6744893</v>
      </c>
      <c r="AL25" s="44">
        <v>5.4562774991495644E-3</v>
      </c>
      <c r="AM25" s="37"/>
    </row>
    <row r="26" spans="1:39" s="14" customFormat="1" ht="20.149999999999999" customHeight="1" x14ac:dyDescent="0.25">
      <c r="A26" s="23"/>
      <c r="B26" s="24" t="s">
        <v>14</v>
      </c>
      <c r="C26" s="38"/>
      <c r="D26" s="73">
        <v>5495226</v>
      </c>
      <c r="E26" s="45">
        <v>-0.18162745391877566</v>
      </c>
      <c r="F26" s="74">
        <v>4698839</v>
      </c>
      <c r="G26" s="45">
        <v>-2.1846319484806198</v>
      </c>
      <c r="H26" s="74">
        <v>796387</v>
      </c>
      <c r="I26" s="45">
        <v>13.535849772111973</v>
      </c>
      <c r="J26" s="74">
        <v>5850741</v>
      </c>
      <c r="K26" s="45">
        <v>-2.3620061749461296</v>
      </c>
      <c r="L26" s="74">
        <v>2800099</v>
      </c>
      <c r="M26" s="45">
        <v>0.37647014963093639</v>
      </c>
      <c r="N26" s="74">
        <v>2073645</v>
      </c>
      <c r="O26" s="45">
        <v>-3.6348968312573837</v>
      </c>
      <c r="P26" s="74">
        <v>936536</v>
      </c>
      <c r="Q26" s="45">
        <v>-7.2978026513887961</v>
      </c>
      <c r="R26" s="74">
        <v>40461</v>
      </c>
      <c r="S26" s="46">
        <v>-0.23424400828484515</v>
      </c>
      <c r="T26" s="47"/>
      <c r="U26" s="48" t="s">
        <v>14</v>
      </c>
      <c r="V26" s="49"/>
      <c r="W26" s="73">
        <v>755889</v>
      </c>
      <c r="X26" s="45">
        <v>-1.7967595966839833</v>
      </c>
      <c r="Y26" s="74">
        <v>631516</v>
      </c>
      <c r="Z26" s="45">
        <v>9.2361447450356238</v>
      </c>
      <c r="AA26" s="74">
        <v>0</v>
      </c>
      <c r="AB26" s="45" t="s">
        <v>54</v>
      </c>
      <c r="AC26" s="74">
        <v>174759</v>
      </c>
      <c r="AD26" s="45">
        <v>3.2293315691231728</v>
      </c>
      <c r="AE26" s="74">
        <v>0</v>
      </c>
      <c r="AF26" s="45" t="s">
        <v>54</v>
      </c>
      <c r="AG26" s="74">
        <v>0</v>
      </c>
      <c r="AH26" s="45" t="s">
        <v>54</v>
      </c>
      <c r="AI26" s="74">
        <v>0</v>
      </c>
      <c r="AJ26" s="45" t="s">
        <v>54</v>
      </c>
      <c r="AK26" s="74">
        <v>12908131</v>
      </c>
      <c r="AL26" s="44">
        <v>-0.81834027615833582</v>
      </c>
      <c r="AM26" s="37"/>
    </row>
    <row r="27" spans="1:39" s="14" customFormat="1" ht="20.149999999999999" customHeight="1" x14ac:dyDescent="0.25">
      <c r="A27" s="15"/>
      <c r="B27" s="30" t="s">
        <v>15</v>
      </c>
      <c r="C27" s="31"/>
      <c r="D27" s="71">
        <v>2899996</v>
      </c>
      <c r="E27" s="40">
        <v>-0.21934570638091344</v>
      </c>
      <c r="F27" s="72">
        <v>2777743</v>
      </c>
      <c r="G27" s="40">
        <v>1.1261795050183654</v>
      </c>
      <c r="H27" s="72">
        <v>122253</v>
      </c>
      <c r="I27" s="40">
        <v>-23.382133590704555</v>
      </c>
      <c r="J27" s="72">
        <v>2177557</v>
      </c>
      <c r="K27" s="40">
        <v>-0.91569249586268553</v>
      </c>
      <c r="L27" s="72">
        <v>1113558</v>
      </c>
      <c r="M27" s="40">
        <v>0.74730977528232323</v>
      </c>
      <c r="N27" s="72">
        <v>941808</v>
      </c>
      <c r="O27" s="40">
        <v>-2.2038727685061321</v>
      </c>
      <c r="P27" s="72">
        <v>113206</v>
      </c>
      <c r="Q27" s="40">
        <v>-5.9602428954735327</v>
      </c>
      <c r="R27" s="72">
        <v>8985</v>
      </c>
      <c r="S27" s="41">
        <v>0.16722408026756952</v>
      </c>
      <c r="T27" s="42"/>
      <c r="U27" s="24" t="s">
        <v>15</v>
      </c>
      <c r="V27" s="43"/>
      <c r="W27" s="71">
        <v>508889</v>
      </c>
      <c r="X27" s="40">
        <v>0.53359621326463103</v>
      </c>
      <c r="Y27" s="72">
        <v>126511</v>
      </c>
      <c r="Z27" s="40">
        <v>4.6756577858679371</v>
      </c>
      <c r="AA27" s="72">
        <v>0</v>
      </c>
      <c r="AB27" s="40" t="s">
        <v>54</v>
      </c>
      <c r="AC27" s="72">
        <v>52936</v>
      </c>
      <c r="AD27" s="40">
        <v>4.3690851735015857</v>
      </c>
      <c r="AE27" s="72">
        <v>0</v>
      </c>
      <c r="AF27" s="40" t="s">
        <v>54</v>
      </c>
      <c r="AG27" s="72">
        <v>0</v>
      </c>
      <c r="AH27" s="40" t="s">
        <v>54</v>
      </c>
      <c r="AI27" s="72">
        <v>0</v>
      </c>
      <c r="AJ27" s="40" t="s">
        <v>54</v>
      </c>
      <c r="AK27" s="72">
        <v>5765889</v>
      </c>
      <c r="AL27" s="36">
        <v>-0.2755360768754489</v>
      </c>
      <c r="AM27" s="37"/>
    </row>
    <row r="28" spans="1:39" s="14" customFormat="1" ht="20.149999999999999" customHeight="1" x14ac:dyDescent="0.25">
      <c r="A28" s="23"/>
      <c r="B28" s="24" t="s">
        <v>16</v>
      </c>
      <c r="C28" s="38"/>
      <c r="D28" s="71">
        <v>3485628</v>
      </c>
      <c r="E28" s="40">
        <v>7.3812295692801566</v>
      </c>
      <c r="F28" s="72">
        <v>2704280</v>
      </c>
      <c r="G28" s="40">
        <v>-1.8031276677716312</v>
      </c>
      <c r="H28" s="72">
        <v>781348</v>
      </c>
      <c r="I28" s="40">
        <v>58.780233044906048</v>
      </c>
      <c r="J28" s="72">
        <v>4553389</v>
      </c>
      <c r="K28" s="40">
        <v>-0.901775563111884</v>
      </c>
      <c r="L28" s="72">
        <v>2027085</v>
      </c>
      <c r="M28" s="40">
        <v>-0.52864331077042692</v>
      </c>
      <c r="N28" s="72">
        <v>1370937</v>
      </c>
      <c r="O28" s="40">
        <v>-3.5704488576336235</v>
      </c>
      <c r="P28" s="72">
        <v>1003718</v>
      </c>
      <c r="Q28" s="40">
        <v>0.54161478737588808</v>
      </c>
      <c r="R28" s="72">
        <v>151649</v>
      </c>
      <c r="S28" s="41">
        <v>10.727454602539478</v>
      </c>
      <c r="T28" s="42"/>
      <c r="U28" s="24" t="s">
        <v>16</v>
      </c>
      <c r="V28" s="43"/>
      <c r="W28" s="71">
        <v>516501</v>
      </c>
      <c r="X28" s="40">
        <v>-1.5562281527676691</v>
      </c>
      <c r="Y28" s="72">
        <v>403451</v>
      </c>
      <c r="Z28" s="40">
        <v>8.7615581614772786</v>
      </c>
      <c r="AA28" s="72">
        <v>0</v>
      </c>
      <c r="AB28" s="40" t="s">
        <v>54</v>
      </c>
      <c r="AC28" s="72">
        <v>118086</v>
      </c>
      <c r="AD28" s="40">
        <v>4.9513398213571591</v>
      </c>
      <c r="AE28" s="72">
        <v>0</v>
      </c>
      <c r="AF28" s="40" t="s">
        <v>54</v>
      </c>
      <c r="AG28" s="72">
        <v>0</v>
      </c>
      <c r="AH28" s="40" t="s">
        <v>54</v>
      </c>
      <c r="AI28" s="72">
        <v>0</v>
      </c>
      <c r="AJ28" s="40" t="s">
        <v>54</v>
      </c>
      <c r="AK28" s="72">
        <v>9077055</v>
      </c>
      <c r="AL28" s="44">
        <v>2.5773461501690687</v>
      </c>
      <c r="AM28" s="37"/>
    </row>
    <row r="29" spans="1:39" s="14" customFormat="1" ht="20.149999999999999" customHeight="1" x14ac:dyDescent="0.25">
      <c r="A29" s="23"/>
      <c r="B29" s="24" t="s">
        <v>17</v>
      </c>
      <c r="C29" s="38"/>
      <c r="D29" s="71">
        <v>2469921</v>
      </c>
      <c r="E29" s="40">
        <v>-2.845804279562858</v>
      </c>
      <c r="F29" s="72">
        <v>2345068</v>
      </c>
      <c r="G29" s="40">
        <v>-2.962074374826984</v>
      </c>
      <c r="H29" s="72">
        <v>124853</v>
      </c>
      <c r="I29" s="40">
        <v>-0.6089891576048001</v>
      </c>
      <c r="J29" s="72">
        <v>2157909</v>
      </c>
      <c r="K29" s="40">
        <v>-3.0874984337506906</v>
      </c>
      <c r="L29" s="72">
        <v>1055742</v>
      </c>
      <c r="M29" s="40">
        <v>-2.0322147800475476</v>
      </c>
      <c r="N29" s="72">
        <v>753491</v>
      </c>
      <c r="O29" s="40">
        <v>-5.8721019566594261</v>
      </c>
      <c r="P29" s="72">
        <v>348316</v>
      </c>
      <c r="Q29" s="40">
        <v>4.3944933838457878E-2</v>
      </c>
      <c r="R29" s="72">
        <v>360</v>
      </c>
      <c r="S29" s="41">
        <v>1.4084507042253502</v>
      </c>
      <c r="T29" s="42"/>
      <c r="U29" s="24" t="s">
        <v>17</v>
      </c>
      <c r="V29" s="43"/>
      <c r="W29" s="71">
        <v>0</v>
      </c>
      <c r="X29" s="40" t="s">
        <v>54</v>
      </c>
      <c r="Y29" s="72">
        <v>145058</v>
      </c>
      <c r="Z29" s="40">
        <v>7.3700416725264839</v>
      </c>
      <c r="AA29" s="72">
        <v>0</v>
      </c>
      <c r="AB29" s="40" t="s">
        <v>54</v>
      </c>
      <c r="AC29" s="72">
        <v>64933</v>
      </c>
      <c r="AD29" s="40">
        <v>3.7732532122994211</v>
      </c>
      <c r="AE29" s="72">
        <v>12969</v>
      </c>
      <c r="AF29" s="40">
        <v>42.11045364891519</v>
      </c>
      <c r="AG29" s="72">
        <v>0</v>
      </c>
      <c r="AH29" s="40" t="s">
        <v>54</v>
      </c>
      <c r="AI29" s="72">
        <v>0</v>
      </c>
      <c r="AJ29" s="40" t="s">
        <v>54</v>
      </c>
      <c r="AK29" s="72">
        <v>4850790</v>
      </c>
      <c r="AL29" s="44">
        <v>-2.5108903727597442</v>
      </c>
      <c r="AM29" s="37"/>
    </row>
    <row r="30" spans="1:39" s="14" customFormat="1" ht="20.149999999999999" customHeight="1" x14ac:dyDescent="0.25">
      <c r="A30" s="23"/>
      <c r="B30" s="24" t="s">
        <v>18</v>
      </c>
      <c r="C30" s="38"/>
      <c r="D30" s="71">
        <v>1799390</v>
      </c>
      <c r="E30" s="40">
        <v>-2.6216640672268143</v>
      </c>
      <c r="F30" s="72">
        <v>1727997</v>
      </c>
      <c r="G30" s="40">
        <v>-2.5521456893066063</v>
      </c>
      <c r="H30" s="72">
        <v>71393</v>
      </c>
      <c r="I30" s="40">
        <v>-4.2745471366701926</v>
      </c>
      <c r="J30" s="72">
        <v>1389640</v>
      </c>
      <c r="K30" s="40">
        <v>-3.8179625997195488</v>
      </c>
      <c r="L30" s="72">
        <v>659578</v>
      </c>
      <c r="M30" s="40">
        <v>-4.1029488309067492</v>
      </c>
      <c r="N30" s="72">
        <v>536780</v>
      </c>
      <c r="O30" s="40">
        <v>-4.7652841623805342</v>
      </c>
      <c r="P30" s="72">
        <v>186714</v>
      </c>
      <c r="Q30" s="40">
        <v>-1.7135574523685637E-2</v>
      </c>
      <c r="R30" s="72">
        <v>6568</v>
      </c>
      <c r="S30" s="41">
        <v>-0.7705091403535258</v>
      </c>
      <c r="T30" s="42"/>
      <c r="U30" s="24" t="s">
        <v>18</v>
      </c>
      <c r="V30" s="43"/>
      <c r="W30" s="71">
        <v>0</v>
      </c>
      <c r="X30" s="40" t="s">
        <v>54</v>
      </c>
      <c r="Y30" s="72">
        <v>128265</v>
      </c>
      <c r="Z30" s="40">
        <v>4.4146138942706914</v>
      </c>
      <c r="AA30" s="72">
        <v>0</v>
      </c>
      <c r="AB30" s="40" t="s">
        <v>54</v>
      </c>
      <c r="AC30" s="72">
        <v>54063</v>
      </c>
      <c r="AD30" s="40">
        <v>4.7570144163695538</v>
      </c>
      <c r="AE30" s="72">
        <v>0</v>
      </c>
      <c r="AF30" s="40" t="s">
        <v>54</v>
      </c>
      <c r="AG30" s="72">
        <v>0</v>
      </c>
      <c r="AH30" s="40" t="s">
        <v>54</v>
      </c>
      <c r="AI30" s="72">
        <v>0</v>
      </c>
      <c r="AJ30" s="40" t="s">
        <v>54</v>
      </c>
      <c r="AK30" s="72">
        <v>3371358</v>
      </c>
      <c r="AL30" s="44">
        <v>-2.7610506344521002</v>
      </c>
      <c r="AM30" s="37"/>
    </row>
    <row r="31" spans="1:39" s="14" customFormat="1" ht="20.149999999999999" customHeight="1" x14ac:dyDescent="0.25">
      <c r="A31" s="23"/>
      <c r="B31" s="24" t="s">
        <v>19</v>
      </c>
      <c r="C31" s="38"/>
      <c r="D31" s="75">
        <v>921093</v>
      </c>
      <c r="E31" s="50">
        <v>-3.5683438776268672</v>
      </c>
      <c r="F31" s="76">
        <v>490394</v>
      </c>
      <c r="G31" s="50">
        <v>-2.5084888630887536</v>
      </c>
      <c r="H31" s="76">
        <v>430699</v>
      </c>
      <c r="I31" s="50">
        <v>-4.7473820397421314</v>
      </c>
      <c r="J31" s="76">
        <v>1437492</v>
      </c>
      <c r="K31" s="50">
        <v>-5.131819657720305</v>
      </c>
      <c r="L31" s="76">
        <v>468899</v>
      </c>
      <c r="M31" s="50">
        <v>-1.4257454050088159</v>
      </c>
      <c r="N31" s="76">
        <v>596219</v>
      </c>
      <c r="O31" s="50">
        <v>-7.2576869292259598</v>
      </c>
      <c r="P31" s="76">
        <v>372198</v>
      </c>
      <c r="Q31" s="50">
        <v>-6.133627896771654</v>
      </c>
      <c r="R31" s="76">
        <v>176</v>
      </c>
      <c r="S31" s="51">
        <v>0.57142857142857828</v>
      </c>
      <c r="T31" s="52"/>
      <c r="U31" s="53" t="s">
        <v>19</v>
      </c>
      <c r="V31" s="54"/>
      <c r="W31" s="75">
        <v>0</v>
      </c>
      <c r="X31" s="50" t="s">
        <v>54</v>
      </c>
      <c r="Y31" s="76">
        <v>109660</v>
      </c>
      <c r="Z31" s="50">
        <v>7.7972632903428707</v>
      </c>
      <c r="AA31" s="76">
        <v>0</v>
      </c>
      <c r="AB31" s="50" t="s">
        <v>54</v>
      </c>
      <c r="AC31" s="76">
        <v>37926</v>
      </c>
      <c r="AD31" s="50">
        <v>1.9899962351422662</v>
      </c>
      <c r="AE31" s="76">
        <v>0</v>
      </c>
      <c r="AF31" s="50" t="s">
        <v>54</v>
      </c>
      <c r="AG31" s="76">
        <v>0</v>
      </c>
      <c r="AH31" s="50" t="s">
        <v>54</v>
      </c>
      <c r="AI31" s="76">
        <v>0</v>
      </c>
      <c r="AJ31" s="50" t="s">
        <v>54</v>
      </c>
      <c r="AK31" s="76">
        <v>2506171</v>
      </c>
      <c r="AL31" s="44">
        <v>-3.9539454950920594</v>
      </c>
      <c r="AM31" s="37"/>
    </row>
    <row r="32" spans="1:39" s="14" customFormat="1" ht="20.149999999999999" customHeight="1" x14ac:dyDescent="0.25">
      <c r="A32" s="55"/>
      <c r="B32" s="56" t="s">
        <v>20</v>
      </c>
      <c r="C32" s="57"/>
      <c r="D32" s="71">
        <v>1020955</v>
      </c>
      <c r="E32" s="40">
        <v>-1.7770384808538542</v>
      </c>
      <c r="F32" s="72">
        <v>921582</v>
      </c>
      <c r="G32" s="40">
        <v>-1.9513300557598812</v>
      </c>
      <c r="H32" s="72">
        <v>99373</v>
      </c>
      <c r="I32" s="40">
        <v>-0.13064932715596278</v>
      </c>
      <c r="J32" s="72">
        <v>1312651</v>
      </c>
      <c r="K32" s="40">
        <v>-12.83753723484079</v>
      </c>
      <c r="L32" s="72">
        <v>700674</v>
      </c>
      <c r="M32" s="40">
        <v>-2.6902485261337872</v>
      </c>
      <c r="N32" s="72">
        <v>476854</v>
      </c>
      <c r="O32" s="40">
        <v>-24.689981490489398</v>
      </c>
      <c r="P32" s="72">
        <v>133546</v>
      </c>
      <c r="Q32" s="40">
        <v>-11.659566586404891</v>
      </c>
      <c r="R32" s="72">
        <v>1577</v>
      </c>
      <c r="S32" s="41">
        <v>0</v>
      </c>
      <c r="T32" s="42"/>
      <c r="U32" s="24" t="s">
        <v>20</v>
      </c>
      <c r="V32" s="43"/>
      <c r="W32" s="71">
        <v>0</v>
      </c>
      <c r="X32" s="40" t="s">
        <v>54</v>
      </c>
      <c r="Y32" s="72">
        <v>129494</v>
      </c>
      <c r="Z32" s="40">
        <v>8.7362498950373624</v>
      </c>
      <c r="AA32" s="72">
        <v>0</v>
      </c>
      <c r="AB32" s="40" t="s">
        <v>54</v>
      </c>
      <c r="AC32" s="72">
        <v>55540</v>
      </c>
      <c r="AD32" s="40">
        <v>2.8689966846326298</v>
      </c>
      <c r="AE32" s="72">
        <v>4</v>
      </c>
      <c r="AF32" s="40">
        <v>-99.299474605954458</v>
      </c>
      <c r="AG32" s="72">
        <v>0</v>
      </c>
      <c r="AH32" s="40" t="s">
        <v>54</v>
      </c>
      <c r="AI32" s="72">
        <v>0</v>
      </c>
      <c r="AJ32" s="40" t="s">
        <v>54</v>
      </c>
      <c r="AK32" s="72">
        <v>2518644</v>
      </c>
      <c r="AL32" s="58">
        <v>-7.3707825498517838</v>
      </c>
      <c r="AM32" s="37"/>
    </row>
    <row r="33" spans="1:39" s="14" customFormat="1" ht="20.149999999999999" customHeight="1" x14ac:dyDescent="0.25">
      <c r="A33" s="23"/>
      <c r="B33" s="24" t="s">
        <v>21</v>
      </c>
      <c r="C33" s="38"/>
      <c r="D33" s="71">
        <v>713417</v>
      </c>
      <c r="E33" s="40">
        <v>4.6741299372028866</v>
      </c>
      <c r="F33" s="72">
        <v>607944</v>
      </c>
      <c r="G33" s="40">
        <v>0.75006048874908249</v>
      </c>
      <c r="H33" s="72">
        <v>105473</v>
      </c>
      <c r="I33" s="40">
        <v>34.976069207340487</v>
      </c>
      <c r="J33" s="72">
        <v>775208</v>
      </c>
      <c r="K33" s="40">
        <v>-3.5663416169389062</v>
      </c>
      <c r="L33" s="72">
        <v>384070</v>
      </c>
      <c r="M33" s="40">
        <v>-2.1958629260007134</v>
      </c>
      <c r="N33" s="72">
        <v>245638</v>
      </c>
      <c r="O33" s="40">
        <v>-6.4492786740398822</v>
      </c>
      <c r="P33" s="72">
        <v>145038</v>
      </c>
      <c r="Q33" s="40">
        <v>-2.2404658874914052</v>
      </c>
      <c r="R33" s="72">
        <v>462</v>
      </c>
      <c r="S33" s="41">
        <v>84.800000000000011</v>
      </c>
      <c r="T33" s="42"/>
      <c r="U33" s="24" t="s">
        <v>21</v>
      </c>
      <c r="V33" s="43"/>
      <c r="W33" s="71">
        <v>0</v>
      </c>
      <c r="X33" s="40" t="s">
        <v>54</v>
      </c>
      <c r="Y33" s="72">
        <v>48659</v>
      </c>
      <c r="Z33" s="40">
        <v>-0.93246737382168821</v>
      </c>
      <c r="AA33" s="72">
        <v>0</v>
      </c>
      <c r="AB33" s="40" t="s">
        <v>54</v>
      </c>
      <c r="AC33" s="72">
        <v>30023</v>
      </c>
      <c r="AD33" s="40">
        <v>2.1051557611209359</v>
      </c>
      <c r="AE33" s="72">
        <v>0</v>
      </c>
      <c r="AF33" s="40" t="s">
        <v>54</v>
      </c>
      <c r="AG33" s="72">
        <v>0</v>
      </c>
      <c r="AH33" s="40" t="s">
        <v>54</v>
      </c>
      <c r="AI33" s="72">
        <v>0</v>
      </c>
      <c r="AJ33" s="40" t="s">
        <v>54</v>
      </c>
      <c r="AK33" s="72">
        <v>1567307</v>
      </c>
      <c r="AL33" s="44">
        <v>0.21413618524281919</v>
      </c>
      <c r="AM33" s="37"/>
    </row>
    <row r="34" spans="1:39" s="14" customFormat="1" ht="20.149999999999999" customHeight="1" x14ac:dyDescent="0.25">
      <c r="A34" s="23"/>
      <c r="B34" s="24" t="s">
        <v>22</v>
      </c>
      <c r="C34" s="38"/>
      <c r="D34" s="71">
        <v>618084</v>
      </c>
      <c r="E34" s="40">
        <v>-2.7555152785251003</v>
      </c>
      <c r="F34" s="72">
        <v>489390</v>
      </c>
      <c r="G34" s="40">
        <v>-0.73668112173492784</v>
      </c>
      <c r="H34" s="72">
        <v>128694</v>
      </c>
      <c r="I34" s="40">
        <v>-9.7365615531365695</v>
      </c>
      <c r="J34" s="72">
        <v>905429</v>
      </c>
      <c r="K34" s="40">
        <v>-5.0916977287306935</v>
      </c>
      <c r="L34" s="72">
        <v>297904</v>
      </c>
      <c r="M34" s="40">
        <v>1.9705833022416908</v>
      </c>
      <c r="N34" s="72">
        <v>250722</v>
      </c>
      <c r="O34" s="40">
        <v>-10.7550803204989</v>
      </c>
      <c r="P34" s="72">
        <v>237949</v>
      </c>
      <c r="Q34" s="40">
        <v>-7.6345893322257492</v>
      </c>
      <c r="R34" s="72">
        <v>118854</v>
      </c>
      <c r="S34" s="41">
        <v>-3.6081847157003466</v>
      </c>
      <c r="T34" s="42"/>
      <c r="U34" s="24" t="s">
        <v>22</v>
      </c>
      <c r="V34" s="43"/>
      <c r="W34" s="71">
        <v>0</v>
      </c>
      <c r="X34" s="40" t="s">
        <v>54</v>
      </c>
      <c r="Y34" s="72">
        <v>46638</v>
      </c>
      <c r="Z34" s="40">
        <v>4.2632626142943275</v>
      </c>
      <c r="AA34" s="72">
        <v>0</v>
      </c>
      <c r="AB34" s="40" t="s">
        <v>54</v>
      </c>
      <c r="AC34" s="72">
        <v>37511</v>
      </c>
      <c r="AD34" s="40">
        <v>1.9403755740957207</v>
      </c>
      <c r="AE34" s="72">
        <v>2292</v>
      </c>
      <c r="AF34" s="40">
        <v>-16.502732240437158</v>
      </c>
      <c r="AG34" s="72">
        <v>0</v>
      </c>
      <c r="AH34" s="40" t="s">
        <v>54</v>
      </c>
      <c r="AI34" s="72">
        <v>5121</v>
      </c>
      <c r="AJ34" s="40">
        <v>-3.7406015037593998</v>
      </c>
      <c r="AK34" s="72">
        <v>1615075</v>
      </c>
      <c r="AL34" s="44">
        <v>-3.8184963628405288</v>
      </c>
      <c r="AM34" s="37"/>
    </row>
    <row r="35" spans="1:39" s="14" customFormat="1" ht="20.149999999999999" customHeight="1" x14ac:dyDescent="0.25">
      <c r="A35" s="23"/>
      <c r="B35" s="24" t="s">
        <v>23</v>
      </c>
      <c r="C35" s="38"/>
      <c r="D35" s="71">
        <v>1575318</v>
      </c>
      <c r="E35" s="40">
        <v>22.019396780422596</v>
      </c>
      <c r="F35" s="72">
        <v>1138906</v>
      </c>
      <c r="G35" s="40">
        <v>-0.95332681664329622</v>
      </c>
      <c r="H35" s="72">
        <v>436412</v>
      </c>
      <c r="I35" s="40">
        <v>209.13714573106375</v>
      </c>
      <c r="J35" s="72">
        <v>1433365</v>
      </c>
      <c r="K35" s="40">
        <v>-1.8755279778636114</v>
      </c>
      <c r="L35" s="72">
        <v>587583</v>
      </c>
      <c r="M35" s="40">
        <v>-0.13851168766718658</v>
      </c>
      <c r="N35" s="72">
        <v>617221</v>
      </c>
      <c r="O35" s="40">
        <v>-2.6646460122563886</v>
      </c>
      <c r="P35" s="72">
        <v>228457</v>
      </c>
      <c r="Q35" s="40">
        <v>-4.0564262796284112</v>
      </c>
      <c r="R35" s="72">
        <v>104</v>
      </c>
      <c r="S35" s="41">
        <v>-19.999999999999996</v>
      </c>
      <c r="T35" s="42"/>
      <c r="U35" s="24" t="s">
        <v>23</v>
      </c>
      <c r="V35" s="43"/>
      <c r="W35" s="71">
        <v>0</v>
      </c>
      <c r="X35" s="40" t="s">
        <v>54</v>
      </c>
      <c r="Y35" s="72">
        <v>126680</v>
      </c>
      <c r="Z35" s="40">
        <v>9.083707192739233</v>
      </c>
      <c r="AA35" s="72">
        <v>0</v>
      </c>
      <c r="AB35" s="40" t="s">
        <v>54</v>
      </c>
      <c r="AC35" s="72">
        <v>42336</v>
      </c>
      <c r="AD35" s="40">
        <v>5.8347082645867632</v>
      </c>
      <c r="AE35" s="72">
        <v>0</v>
      </c>
      <c r="AF35" s="40" t="s">
        <v>54</v>
      </c>
      <c r="AG35" s="72">
        <v>0</v>
      </c>
      <c r="AH35" s="40" t="s">
        <v>54</v>
      </c>
      <c r="AI35" s="72">
        <v>0</v>
      </c>
      <c r="AJ35" s="40" t="s">
        <v>54</v>
      </c>
      <c r="AK35" s="72">
        <v>3177699</v>
      </c>
      <c r="AL35" s="44">
        <v>9.2768611667252365</v>
      </c>
      <c r="AM35" s="37"/>
    </row>
    <row r="36" spans="1:39" s="14" customFormat="1" ht="20.149999999999999" customHeight="1" x14ac:dyDescent="0.25">
      <c r="A36" s="23"/>
      <c r="B36" s="24" t="s">
        <v>24</v>
      </c>
      <c r="C36" s="38"/>
      <c r="D36" s="75">
        <v>852736</v>
      </c>
      <c r="E36" s="50">
        <v>-5.9593680454005042</v>
      </c>
      <c r="F36" s="76">
        <v>630816</v>
      </c>
      <c r="G36" s="50">
        <v>-5.3002302881454133</v>
      </c>
      <c r="H36" s="76">
        <v>221920</v>
      </c>
      <c r="I36" s="50">
        <v>-7.7838538636703642</v>
      </c>
      <c r="J36" s="76">
        <v>4353231</v>
      </c>
      <c r="K36" s="50">
        <v>-0.73886677755901076</v>
      </c>
      <c r="L36" s="76">
        <v>1351183</v>
      </c>
      <c r="M36" s="50">
        <v>9.5176687810737626</v>
      </c>
      <c r="N36" s="76">
        <v>2216780</v>
      </c>
      <c r="O36" s="50">
        <v>-7.7888892262857334</v>
      </c>
      <c r="P36" s="76">
        <v>720135</v>
      </c>
      <c r="Q36" s="50">
        <v>4.8658842031686911</v>
      </c>
      <c r="R36" s="76">
        <v>65133</v>
      </c>
      <c r="S36" s="51">
        <v>6.5483396041223552</v>
      </c>
      <c r="T36" s="52"/>
      <c r="U36" s="53" t="s">
        <v>24</v>
      </c>
      <c r="V36" s="54"/>
      <c r="W36" s="75">
        <v>0</v>
      </c>
      <c r="X36" s="50" t="s">
        <v>54</v>
      </c>
      <c r="Y36" s="76">
        <v>138248</v>
      </c>
      <c r="Z36" s="50">
        <v>2.7316232202835744</v>
      </c>
      <c r="AA36" s="76">
        <v>0</v>
      </c>
      <c r="AB36" s="50" t="s">
        <v>54</v>
      </c>
      <c r="AC36" s="76">
        <v>29418</v>
      </c>
      <c r="AD36" s="50">
        <v>-2.1324728034864737</v>
      </c>
      <c r="AE36" s="76">
        <v>408310</v>
      </c>
      <c r="AF36" s="50">
        <v>7.7423219313452973</v>
      </c>
      <c r="AG36" s="76">
        <v>0</v>
      </c>
      <c r="AH36" s="50" t="s">
        <v>54</v>
      </c>
      <c r="AI36" s="76">
        <v>0</v>
      </c>
      <c r="AJ36" s="50" t="s">
        <v>54</v>
      </c>
      <c r="AK36" s="76">
        <v>5781943</v>
      </c>
      <c r="AL36" s="44">
        <v>-0.92642077830928926</v>
      </c>
      <c r="AM36" s="37"/>
    </row>
    <row r="37" spans="1:39" s="14" customFormat="1" ht="20.149999999999999" customHeight="1" x14ac:dyDescent="0.25">
      <c r="A37" s="55"/>
      <c r="B37" s="56" t="s">
        <v>25</v>
      </c>
      <c r="C37" s="57"/>
      <c r="D37" s="71">
        <v>360129</v>
      </c>
      <c r="E37" s="40">
        <v>0.16911390433382856</v>
      </c>
      <c r="F37" s="72">
        <v>334391</v>
      </c>
      <c r="G37" s="40">
        <v>0.55843913705064807</v>
      </c>
      <c r="H37" s="72">
        <v>25738</v>
      </c>
      <c r="I37" s="40">
        <v>-4.6281542965131317</v>
      </c>
      <c r="J37" s="72">
        <v>460572</v>
      </c>
      <c r="K37" s="40">
        <v>-3.8554111234737731</v>
      </c>
      <c r="L37" s="72">
        <v>159260</v>
      </c>
      <c r="M37" s="40">
        <v>-3.9195931393545935</v>
      </c>
      <c r="N37" s="72">
        <v>206089</v>
      </c>
      <c r="O37" s="40">
        <v>-6.4876784928330604</v>
      </c>
      <c r="P37" s="72">
        <v>95223</v>
      </c>
      <c r="Q37" s="40">
        <v>2.5038483481705454</v>
      </c>
      <c r="R37" s="72">
        <v>0</v>
      </c>
      <c r="S37" s="41" t="s">
        <v>54</v>
      </c>
      <c r="T37" s="42"/>
      <c r="U37" s="24" t="s">
        <v>25</v>
      </c>
      <c r="V37" s="43"/>
      <c r="W37" s="71">
        <v>0</v>
      </c>
      <c r="X37" s="40" t="s">
        <v>54</v>
      </c>
      <c r="Y37" s="72">
        <v>46344</v>
      </c>
      <c r="Z37" s="40">
        <v>3.7683885269026662</v>
      </c>
      <c r="AA37" s="72">
        <v>0</v>
      </c>
      <c r="AB37" s="40" t="s">
        <v>54</v>
      </c>
      <c r="AC37" s="72">
        <v>17489</v>
      </c>
      <c r="AD37" s="40">
        <v>4.3434162639460761</v>
      </c>
      <c r="AE37" s="72">
        <v>0</v>
      </c>
      <c r="AF37" s="40" t="s">
        <v>54</v>
      </c>
      <c r="AG37" s="72">
        <v>0</v>
      </c>
      <c r="AH37" s="40" t="s">
        <v>54</v>
      </c>
      <c r="AI37" s="72">
        <v>0</v>
      </c>
      <c r="AJ37" s="40" t="s">
        <v>54</v>
      </c>
      <c r="AK37" s="72">
        <v>884534</v>
      </c>
      <c r="AL37" s="58">
        <v>-1.7166971857277447</v>
      </c>
      <c r="AM37" s="37"/>
    </row>
    <row r="38" spans="1:39" s="14" customFormat="1" ht="20.149999999999999" customHeight="1" x14ac:dyDescent="0.25">
      <c r="A38" s="23"/>
      <c r="B38" s="24" t="s">
        <v>26</v>
      </c>
      <c r="C38" s="38"/>
      <c r="D38" s="71">
        <v>1281332</v>
      </c>
      <c r="E38" s="40">
        <v>-1.6026699390724319</v>
      </c>
      <c r="F38" s="72">
        <v>1157875</v>
      </c>
      <c r="G38" s="40">
        <v>-2.6089816324934234</v>
      </c>
      <c r="H38" s="72">
        <v>123457</v>
      </c>
      <c r="I38" s="40">
        <v>8.9560405616500027</v>
      </c>
      <c r="J38" s="72">
        <v>1660498</v>
      </c>
      <c r="K38" s="40">
        <v>-4.3482017670690158</v>
      </c>
      <c r="L38" s="72">
        <v>509377</v>
      </c>
      <c r="M38" s="40">
        <v>0.39082054576915493</v>
      </c>
      <c r="N38" s="72">
        <v>903014</v>
      </c>
      <c r="O38" s="40">
        <v>-8.0517142540034605</v>
      </c>
      <c r="P38" s="72">
        <v>247931</v>
      </c>
      <c r="Q38" s="40">
        <v>0.65280140303585199</v>
      </c>
      <c r="R38" s="72">
        <v>176</v>
      </c>
      <c r="S38" s="41">
        <v>0</v>
      </c>
      <c r="T38" s="42"/>
      <c r="U38" s="24" t="s">
        <v>26</v>
      </c>
      <c r="V38" s="43"/>
      <c r="W38" s="71">
        <v>286239</v>
      </c>
      <c r="X38" s="40">
        <v>-4.4908541264873314</v>
      </c>
      <c r="Y38" s="72">
        <v>214602</v>
      </c>
      <c r="Z38" s="40">
        <v>3.8324761347196867</v>
      </c>
      <c r="AA38" s="72">
        <v>0</v>
      </c>
      <c r="AB38" s="40" t="s">
        <v>54</v>
      </c>
      <c r="AC38" s="72">
        <v>58915</v>
      </c>
      <c r="AD38" s="40">
        <v>3.2889777170006518</v>
      </c>
      <c r="AE38" s="72">
        <v>64567</v>
      </c>
      <c r="AF38" s="40">
        <v>3.6222115230300167</v>
      </c>
      <c r="AG38" s="72">
        <v>0</v>
      </c>
      <c r="AH38" s="40" t="s">
        <v>54</v>
      </c>
      <c r="AI38" s="72">
        <v>0</v>
      </c>
      <c r="AJ38" s="40" t="s">
        <v>54</v>
      </c>
      <c r="AK38" s="72">
        <v>3566153</v>
      </c>
      <c r="AL38" s="44">
        <v>-2.6681590605887928</v>
      </c>
      <c r="AM38" s="37"/>
    </row>
    <row r="39" spans="1:39" s="14" customFormat="1" ht="20.149999999999999" customHeight="1" x14ac:dyDescent="0.25">
      <c r="A39" s="23"/>
      <c r="B39" s="24" t="s">
        <v>27</v>
      </c>
      <c r="C39" s="38"/>
      <c r="D39" s="71">
        <v>2389043</v>
      </c>
      <c r="E39" s="40">
        <v>-5.4825840256177543</v>
      </c>
      <c r="F39" s="72">
        <v>1953927</v>
      </c>
      <c r="G39" s="40">
        <v>-5.3336363028545382</v>
      </c>
      <c r="H39" s="72">
        <v>435116</v>
      </c>
      <c r="I39" s="40">
        <v>-6.1457093061379471</v>
      </c>
      <c r="J39" s="72">
        <v>4038809</v>
      </c>
      <c r="K39" s="40">
        <v>-0.23535590045986599</v>
      </c>
      <c r="L39" s="72">
        <v>1361890</v>
      </c>
      <c r="M39" s="40">
        <v>-1.5951969953040823</v>
      </c>
      <c r="N39" s="72">
        <v>1699166</v>
      </c>
      <c r="O39" s="40">
        <v>2.9800696365746671</v>
      </c>
      <c r="P39" s="72">
        <v>774478</v>
      </c>
      <c r="Q39" s="40">
        <v>-3.7333144399158247</v>
      </c>
      <c r="R39" s="72">
        <v>203275</v>
      </c>
      <c r="S39" s="41">
        <v>-3.138729260180495</v>
      </c>
      <c r="T39" s="42"/>
      <c r="U39" s="24" t="s">
        <v>27</v>
      </c>
      <c r="V39" s="43"/>
      <c r="W39" s="71">
        <v>440934</v>
      </c>
      <c r="X39" s="40">
        <v>1.132347240921372</v>
      </c>
      <c r="Y39" s="72">
        <v>359611</v>
      </c>
      <c r="Z39" s="40">
        <v>6.6889175678281676</v>
      </c>
      <c r="AA39" s="72">
        <v>0</v>
      </c>
      <c r="AB39" s="40" t="s">
        <v>54</v>
      </c>
      <c r="AC39" s="72">
        <v>141655</v>
      </c>
      <c r="AD39" s="40">
        <v>1.0666381278538806</v>
      </c>
      <c r="AE39" s="72">
        <v>0</v>
      </c>
      <c r="AF39" s="40" t="s">
        <v>54</v>
      </c>
      <c r="AG39" s="72">
        <v>0</v>
      </c>
      <c r="AH39" s="40" t="s">
        <v>54</v>
      </c>
      <c r="AI39" s="72">
        <v>0</v>
      </c>
      <c r="AJ39" s="40" t="s">
        <v>54</v>
      </c>
      <c r="AK39" s="72">
        <v>7370052</v>
      </c>
      <c r="AL39" s="44">
        <v>-1.5906812774320711</v>
      </c>
      <c r="AM39" s="37"/>
    </row>
    <row r="40" spans="1:39" s="14" customFormat="1" ht="20.149999999999999" customHeight="1" x14ac:dyDescent="0.25">
      <c r="A40" s="23"/>
      <c r="B40" s="24" t="s">
        <v>28</v>
      </c>
      <c r="C40" s="38"/>
      <c r="D40" s="73">
        <v>162562</v>
      </c>
      <c r="E40" s="45">
        <v>-2.8413301776279654</v>
      </c>
      <c r="F40" s="74">
        <v>150529</v>
      </c>
      <c r="G40" s="45">
        <v>-2.8055064116636719</v>
      </c>
      <c r="H40" s="74">
        <v>12033</v>
      </c>
      <c r="I40" s="45">
        <v>-3.287252853239031</v>
      </c>
      <c r="J40" s="74">
        <v>1125406</v>
      </c>
      <c r="K40" s="45">
        <v>-2.8338955422459677</v>
      </c>
      <c r="L40" s="74">
        <v>63683</v>
      </c>
      <c r="M40" s="45">
        <v>-1.4439148198588603</v>
      </c>
      <c r="N40" s="74">
        <v>74286</v>
      </c>
      <c r="O40" s="45">
        <v>-6.9540820160825634</v>
      </c>
      <c r="P40" s="74">
        <v>33760</v>
      </c>
      <c r="Q40" s="45">
        <v>-16.976120797776851</v>
      </c>
      <c r="R40" s="74">
        <v>953677</v>
      </c>
      <c r="S40" s="46">
        <v>-1.9972007333174391</v>
      </c>
      <c r="T40" s="47"/>
      <c r="U40" s="48" t="s">
        <v>28</v>
      </c>
      <c r="V40" s="49"/>
      <c r="W40" s="73">
        <v>0</v>
      </c>
      <c r="X40" s="45" t="s">
        <v>54</v>
      </c>
      <c r="Y40" s="74">
        <v>3117</v>
      </c>
      <c r="Z40" s="45">
        <v>-8.7262079062957572</v>
      </c>
      <c r="AA40" s="74">
        <v>0</v>
      </c>
      <c r="AB40" s="45" t="s">
        <v>54</v>
      </c>
      <c r="AC40" s="74">
        <v>10492</v>
      </c>
      <c r="AD40" s="45">
        <v>5.6383407168747457</v>
      </c>
      <c r="AE40" s="74">
        <v>0</v>
      </c>
      <c r="AF40" s="45" t="s">
        <v>54</v>
      </c>
      <c r="AG40" s="74">
        <v>0</v>
      </c>
      <c r="AH40" s="45" t="s">
        <v>54</v>
      </c>
      <c r="AI40" s="74">
        <v>0</v>
      </c>
      <c r="AJ40" s="45" t="s">
        <v>54</v>
      </c>
      <c r="AK40" s="74">
        <v>1301577</v>
      </c>
      <c r="AL40" s="44">
        <v>-2.7870059721023077</v>
      </c>
      <c r="AM40" s="37"/>
    </row>
    <row r="41" spans="1:39" s="14" customFormat="1" ht="20.149999999999999" customHeight="1" x14ac:dyDescent="0.25">
      <c r="A41" s="21"/>
      <c r="B41" s="59" t="s">
        <v>33</v>
      </c>
      <c r="C41" s="60"/>
      <c r="D41" s="77">
        <v>954852891</v>
      </c>
      <c r="E41" s="46">
        <v>-1.6110273000437214</v>
      </c>
      <c r="F41" s="78">
        <v>860815397</v>
      </c>
      <c r="G41" s="46">
        <v>-0.77477778235779393</v>
      </c>
      <c r="H41" s="78">
        <v>94037494</v>
      </c>
      <c r="I41" s="46">
        <v>-8.6578600097388261</v>
      </c>
      <c r="J41" s="78">
        <v>680525240</v>
      </c>
      <c r="K41" s="46">
        <v>-0.98349195002875867</v>
      </c>
      <c r="L41" s="78">
        <v>282153599</v>
      </c>
      <c r="M41" s="46">
        <v>-0.4427027010910467</v>
      </c>
      <c r="N41" s="78">
        <v>290110585</v>
      </c>
      <c r="O41" s="46">
        <v>-1.57790576322131</v>
      </c>
      <c r="P41" s="78">
        <v>103580798</v>
      </c>
      <c r="Q41" s="46">
        <v>-0.80780873832038136</v>
      </c>
      <c r="R41" s="78">
        <v>4680258</v>
      </c>
      <c r="S41" s="46">
        <v>-0.21582468460451532</v>
      </c>
      <c r="T41" s="47"/>
      <c r="U41" s="48" t="s">
        <v>33</v>
      </c>
      <c r="V41" s="49"/>
      <c r="W41" s="77">
        <v>130730747</v>
      </c>
      <c r="X41" s="46">
        <v>-0.87305747220355334</v>
      </c>
      <c r="Y41" s="78">
        <v>56898819</v>
      </c>
      <c r="Z41" s="46">
        <v>6.7172634529936825</v>
      </c>
      <c r="AA41" s="78">
        <v>35344054</v>
      </c>
      <c r="AB41" s="46">
        <v>3.2397015166725662</v>
      </c>
      <c r="AC41" s="78">
        <v>10843423</v>
      </c>
      <c r="AD41" s="46">
        <v>3.8795381578832666</v>
      </c>
      <c r="AE41" s="78">
        <v>605093</v>
      </c>
      <c r="AF41" s="46">
        <v>11.133701762989157</v>
      </c>
      <c r="AG41" s="78">
        <v>5556</v>
      </c>
      <c r="AH41" s="46">
        <v>16.845425867507878</v>
      </c>
      <c r="AI41" s="78">
        <v>5121</v>
      </c>
      <c r="AJ41" s="46">
        <v>-3.7406015037593998</v>
      </c>
      <c r="AK41" s="78">
        <v>1869810944</v>
      </c>
      <c r="AL41" s="61">
        <v>-0.97388290210277395</v>
      </c>
      <c r="AM41" s="37"/>
    </row>
    <row r="42" spans="1:39" ht="16.5" x14ac:dyDescent="0.25">
      <c r="A42" s="1" t="s">
        <v>56</v>
      </c>
      <c r="C42" s="62"/>
      <c r="D42" s="62"/>
      <c r="E42" s="62"/>
      <c r="F42" s="62"/>
      <c r="G42" s="62"/>
      <c r="H42" s="62"/>
      <c r="I42" s="62"/>
      <c r="J42" s="62"/>
      <c r="K42" s="62"/>
      <c r="L42" s="62"/>
      <c r="M42" s="62"/>
      <c r="N42" s="62"/>
      <c r="O42" s="62"/>
      <c r="P42" s="62"/>
      <c r="Q42" s="62"/>
      <c r="R42" s="62"/>
      <c r="S42" s="62"/>
      <c r="T42" s="62"/>
      <c r="V42" s="62"/>
      <c r="W42" s="63"/>
      <c r="X42" s="62"/>
      <c r="Y42" s="62"/>
      <c r="Z42" s="62"/>
      <c r="AA42" s="62"/>
      <c r="AB42" s="62"/>
      <c r="AC42" s="62"/>
      <c r="AD42" s="62"/>
      <c r="AE42" s="62"/>
      <c r="AF42" s="62"/>
      <c r="AG42" s="62"/>
      <c r="AH42" s="62"/>
      <c r="AI42" s="62"/>
      <c r="AJ42" s="62"/>
      <c r="AK42" s="62"/>
      <c r="AL42" s="62"/>
      <c r="AM42" s="3"/>
    </row>
    <row r="43" spans="1:39" ht="17.149999999999999" customHeight="1" x14ac:dyDescent="0.2">
      <c r="AM43" s="64"/>
    </row>
    <row r="44" spans="1:39" ht="17.149999999999999" customHeight="1" x14ac:dyDescent="0.2">
      <c r="AM44" s="65"/>
    </row>
    <row r="45" spans="1:39" ht="17.149999999999999" customHeight="1" x14ac:dyDescent="0.2">
      <c r="AM45" s="66"/>
    </row>
    <row r="46" spans="1:39" ht="17.149999999999999" customHeight="1" x14ac:dyDescent="0.2">
      <c r="AM46" s="66"/>
    </row>
    <row r="47" spans="1:39" ht="17.149999999999999" customHeight="1" x14ac:dyDescent="0.2">
      <c r="AM47" s="66"/>
    </row>
    <row r="48" spans="1:39" ht="17.149999999999999" customHeight="1" x14ac:dyDescent="0.2">
      <c r="AM48" s="66"/>
    </row>
    <row r="49" spans="39:39" ht="17.149999999999999" customHeight="1" x14ac:dyDescent="0.2">
      <c r="AM49" s="66"/>
    </row>
    <row r="50" spans="39:39" ht="17.149999999999999" customHeight="1" x14ac:dyDescent="0.2">
      <c r="AM50" s="66"/>
    </row>
    <row r="51" spans="39:39" ht="17.149999999999999" customHeight="1" x14ac:dyDescent="0.2">
      <c r="AM51" s="66"/>
    </row>
    <row r="52" spans="39:39" ht="17.149999999999999" customHeight="1" x14ac:dyDescent="0.2">
      <c r="AM52" s="66"/>
    </row>
    <row r="53" spans="39:39" ht="17.149999999999999" customHeight="1" x14ac:dyDescent="0.2">
      <c r="AM53" s="66"/>
    </row>
    <row r="54" spans="39:39" ht="17.149999999999999" customHeight="1" x14ac:dyDescent="0.2">
      <c r="AM54" s="66"/>
    </row>
    <row r="55" spans="39:39" ht="17.149999999999999" customHeight="1" x14ac:dyDescent="0.2">
      <c r="AM55" s="66"/>
    </row>
    <row r="56" spans="39:39" ht="17.149999999999999" customHeight="1" x14ac:dyDescent="0.2">
      <c r="AM56" s="66"/>
    </row>
    <row r="57" spans="39:39" ht="17.149999999999999" customHeight="1" x14ac:dyDescent="0.2">
      <c r="AM57" s="66"/>
    </row>
    <row r="58" spans="39:39" ht="17.149999999999999" customHeight="1" x14ac:dyDescent="0.2">
      <c r="AM58" s="66"/>
    </row>
    <row r="59" spans="39:39" ht="17.149999999999999" customHeight="1" x14ac:dyDescent="0.2">
      <c r="AM59" s="66"/>
    </row>
    <row r="60" spans="39:39" ht="17.149999999999999" customHeight="1" x14ac:dyDescent="0.2">
      <c r="AM60" s="66"/>
    </row>
    <row r="61" spans="39:39" ht="17.149999999999999" customHeight="1" x14ac:dyDescent="0.2">
      <c r="AM61" s="66"/>
    </row>
    <row r="62" spans="39:39" ht="17.149999999999999" customHeight="1" x14ac:dyDescent="0.2">
      <c r="AM62" s="66"/>
    </row>
    <row r="63" spans="39:39" ht="17.149999999999999" customHeight="1" x14ac:dyDescent="0.2">
      <c r="AM63" s="66"/>
    </row>
    <row r="64" spans="39:39" ht="17.149999999999999" customHeight="1" x14ac:dyDescent="0.2">
      <c r="AM64" s="66"/>
    </row>
    <row r="65" spans="39:39" ht="17.149999999999999" customHeight="1" x14ac:dyDescent="0.2">
      <c r="AM65" s="66"/>
    </row>
    <row r="66" spans="39:39" ht="17.149999999999999" customHeight="1" x14ac:dyDescent="0.2">
      <c r="AM66" s="66"/>
    </row>
    <row r="67" spans="39:39" ht="17.149999999999999" customHeight="1" x14ac:dyDescent="0.2">
      <c r="AM67" s="66"/>
    </row>
    <row r="68" spans="39:39" ht="17.149999999999999" customHeight="1" x14ac:dyDescent="0.2">
      <c r="AM68" s="66"/>
    </row>
    <row r="69" spans="39:39" ht="17.149999999999999" customHeight="1" x14ac:dyDescent="0.2">
      <c r="AM69" s="66"/>
    </row>
    <row r="70" spans="39:39" ht="17.149999999999999" customHeight="1" x14ac:dyDescent="0.2">
      <c r="AM70" s="66"/>
    </row>
    <row r="71" spans="39:39" ht="17.149999999999999" customHeight="1" x14ac:dyDescent="0.2">
      <c r="AM71" s="66"/>
    </row>
    <row r="72" spans="39:39" ht="17.149999999999999" customHeight="1" x14ac:dyDescent="0.2">
      <c r="AM72" s="66"/>
    </row>
    <row r="73" spans="39:39" ht="17.149999999999999" customHeight="1" x14ac:dyDescent="0.2">
      <c r="AM73" s="66"/>
    </row>
    <row r="74" spans="39:39" ht="17.149999999999999" customHeight="1" x14ac:dyDescent="0.2">
      <c r="AM74" s="66"/>
    </row>
    <row r="75" spans="39:39" ht="17.149999999999999" customHeight="1" x14ac:dyDescent="0.2">
      <c r="AM75" s="66"/>
    </row>
    <row r="76" spans="39:39" ht="17.149999999999999" customHeight="1" x14ac:dyDescent="0.2">
      <c r="AM76" s="66"/>
    </row>
    <row r="77" spans="39:39" ht="17.149999999999999" customHeight="1" x14ac:dyDescent="0.2">
      <c r="AM77" s="66"/>
    </row>
    <row r="78" spans="39:39" ht="17.149999999999999" customHeight="1" x14ac:dyDescent="0.2">
      <c r="AM78" s="66"/>
    </row>
    <row r="79" spans="39:39" ht="17.149999999999999" customHeight="1" x14ac:dyDescent="0.2">
      <c r="AM79" s="66"/>
    </row>
    <row r="80" spans="39:39" ht="17.149999999999999" customHeight="1" x14ac:dyDescent="0.2">
      <c r="AM80" s="66"/>
    </row>
    <row r="81" spans="39:39" ht="17.149999999999999" customHeight="1" x14ac:dyDescent="0.2">
      <c r="AM81" s="66"/>
    </row>
    <row r="82" spans="39:39" ht="17.149999999999999" customHeight="1" x14ac:dyDescent="0.2">
      <c r="AM82" s="66"/>
    </row>
    <row r="83" spans="39:39" ht="17.149999999999999" customHeight="1" x14ac:dyDescent="0.2">
      <c r="AM83" s="66"/>
    </row>
    <row r="84" spans="39:39" ht="17.149999999999999" customHeight="1" x14ac:dyDescent="0.2">
      <c r="AM84" s="66"/>
    </row>
    <row r="85" spans="39:39" ht="17.149999999999999" customHeight="1" x14ac:dyDescent="0.2">
      <c r="AM85" s="66"/>
    </row>
    <row r="86" spans="39:39" ht="17.149999999999999" customHeight="1" x14ac:dyDescent="0.2">
      <c r="AM86" s="66"/>
    </row>
    <row r="87" spans="39:39" ht="17.149999999999999" customHeight="1" x14ac:dyDescent="0.2">
      <c r="AM87" s="66"/>
    </row>
    <row r="88" spans="39:39" ht="17.149999999999999" customHeight="1" x14ac:dyDescent="0.2">
      <c r="AM88" s="66"/>
    </row>
    <row r="89" spans="39:39" ht="17.149999999999999" customHeight="1" x14ac:dyDescent="0.2">
      <c r="AM89" s="66"/>
    </row>
  </sheetData>
  <mergeCells count="16">
    <mergeCell ref="AE5:AF6"/>
    <mergeCell ref="AG5:AH6"/>
    <mergeCell ref="AI5:AJ6"/>
    <mergeCell ref="AK5:AL6"/>
    <mergeCell ref="F6:G6"/>
    <mergeCell ref="H6:I6"/>
    <mergeCell ref="L6:M6"/>
    <mergeCell ref="N6:O6"/>
    <mergeCell ref="P6:Q6"/>
    <mergeCell ref="R6:S6"/>
    <mergeCell ref="AC5:AD6"/>
    <mergeCell ref="D5:E6"/>
    <mergeCell ref="J5:K6"/>
    <mergeCell ref="W5:X6"/>
    <mergeCell ref="Y5:Z6"/>
    <mergeCell ref="AA5:AB6"/>
  </mergeCells>
  <phoneticPr fontId="3"/>
  <pageMargins left="0.59055118110236227" right="0.59055118110236227" top="1.0629921259842521" bottom="0.19685039370078741" header="0.51181102362204722" footer="0.23622047244094491"/>
  <pageSetup paperSize="9" scale="60" fitToWidth="2" orientation="landscape" blackAndWhite="1" r:id="rId1"/>
  <headerFooter alignWithMargins="0"/>
  <colBreaks count="1" manualBreakCount="1">
    <brk id="19" max="46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R03年度決算額</vt:lpstr>
      <vt:lpstr>'R03年度決算額'!Print_Area</vt:lpstr>
    </vt:vector>
  </TitlesOfParts>
  <Company>神奈川県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市町村課</dc:creator>
  <cp:lastModifiedBy>user</cp:lastModifiedBy>
  <cp:lastPrinted>2022-12-27T04:08:18Z</cp:lastPrinted>
  <dcterms:created xsi:type="dcterms:W3CDTF">1997-07-16T05:01:04Z</dcterms:created>
  <dcterms:modified xsi:type="dcterms:W3CDTF">2022-12-27T04:08:23Z</dcterms:modified>
</cp:coreProperties>
</file>